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169\2021_03人口・労働統計課\01人口\02_人口統計\02_年報\R3年報\06_ホームページ用\"/>
    </mc:Choice>
  </mc:AlternateContent>
  <bookViews>
    <workbookView xWindow="0" yWindow="0" windowWidth="28800" windowHeight="12885"/>
  </bookViews>
  <sheets>
    <sheet name="第８表(１)" sheetId="3" r:id="rId1"/>
    <sheet name="第８表(２)" sheetId="2" r:id="rId2"/>
    <sheet name="第８表(３)" sheetId="1" r:id="rId3"/>
    <sheet name="第８表(４)" sheetId="4" r:id="rId4"/>
    <sheet name="第８表(５)" sheetId="5" r:id="rId5"/>
    <sheet name="第８表(６)" sheetId="6" r:id="rId6"/>
  </sheets>
  <externalReferences>
    <externalReference r:id="rId7"/>
  </externalReferences>
  <definedNames>
    <definedName name="_Key1" localSheetId="0" hidden="1">#REF!</definedName>
    <definedName name="_Key1" localSheetId="1" hidden="1">#REF!</definedName>
    <definedName name="_Key1" localSheetId="2" hidden="1">#REF!</definedName>
    <definedName name="_Key1" localSheetId="3" hidden="1">#REF!</definedName>
    <definedName name="_Key1" localSheetId="4" hidden="1">#REF!</definedName>
    <definedName name="_Key1" localSheetId="5" hidden="1">#REF!</definedName>
    <definedName name="_Key1" hidden="1">#REF!</definedName>
    <definedName name="_Order1" hidden="1">255</definedName>
    <definedName name="_Sort" localSheetId="0" hidden="1">#REF!</definedName>
    <definedName name="_Sort" localSheetId="1" hidden="1">#REF!</definedName>
    <definedName name="_Sort" localSheetId="2" hidden="1">#REF!</definedName>
    <definedName name="_Sort" localSheetId="3" hidden="1">#REF!</definedName>
    <definedName name="_Sort" localSheetId="4" hidden="1">#REF!</definedName>
    <definedName name="_Sort" localSheetId="5" hidden="1">#REF!</definedName>
    <definedName name="_Sort" hidden="1">#REF!</definedName>
    <definedName name="月報">"グラフ 1"</definedName>
    <definedName name="市名">[1]様式1!$X$6:$X$9</definedName>
    <definedName name="第１表2011年10月分">#REF!</definedName>
    <definedName name="第１表2011年11月分">#REF!</definedName>
    <definedName name="第１表2011年１月分">#REF!</definedName>
    <definedName name="第１表2011年２月分">#REF!</definedName>
    <definedName name="第１表2011年３月分">#REF!</definedName>
    <definedName name="第１表2011年４月分">#REF!</definedName>
    <definedName name="第１表2011年５月分">#REF!</definedName>
    <definedName name="第１表2011年６月分">#REF!</definedName>
    <definedName name="第１表2011年７月分">#REF!</definedName>
    <definedName name="第１表2011年８月分">#REF!</definedName>
    <definedName name="第１表2011年９月分">#REF!</definedName>
    <definedName name="第５表の１2011年10月分">#REF!</definedName>
    <definedName name="第５表の１2011年11月分">#REF!</definedName>
    <definedName name="第５表の１2011年12月分">#REF!</definedName>
    <definedName name="第５表の１2011年１月分">#REF!</definedName>
    <definedName name="第５表の１2011年２月分">#REF!</definedName>
    <definedName name="第５表の１2011年３月分">#REF!</definedName>
    <definedName name="第５表の１2011年４月分">#REF!</definedName>
    <definedName name="第５表の１2011年５月分">#REF!</definedName>
    <definedName name="第５表の１2011年６月分">#REF!</definedName>
    <definedName name="第５表の１2011年７月分">#REF!</definedName>
    <definedName name="第５表の１2011年８月分">#REF!</definedName>
    <definedName name="第５表の１2011年９月分">#REF!</definedName>
    <definedName name="第５表の２2011年10月分">#REF!</definedName>
    <definedName name="第５表の２2011年11月分">#REF!</definedName>
    <definedName name="第５表の２2011年12月分">#REF!</definedName>
    <definedName name="第５表の２2011年１月分">#REF!</definedName>
    <definedName name="第５表の２2011年２月分">#REF!</definedName>
    <definedName name="第５表の２2011年３月分">#REF!</definedName>
    <definedName name="第５表の２2011年４月分">#REF!</definedName>
    <definedName name="第５表の２2011年５月分">#REF!</definedName>
    <definedName name="第５表の２2011年６月分">#REF!</definedName>
    <definedName name="第５表の２2011年７月分">#REF!</definedName>
    <definedName name="第５表の２2011年８月分">#REF!</definedName>
    <definedName name="第５表の２2011年９月分">#REF!</definedName>
    <definedName name="平成23年１月">#REF!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34" uniqueCount="93">
  <si>
    <t>月別市区町村別人口及び世帯数　(3)</t>
    <rPh sb="0" eb="2">
      <t>ツキベツ</t>
    </rPh>
    <rPh sb="2" eb="7">
      <t>シクチョウソンベツ</t>
    </rPh>
    <rPh sb="7" eb="9">
      <t>ジンコウ</t>
    </rPh>
    <rPh sb="9" eb="10">
      <t>オヨ</t>
    </rPh>
    <rPh sb="11" eb="14">
      <t>セタイスウ</t>
    </rPh>
    <phoneticPr fontId="2"/>
  </si>
  <si>
    <t>第８表</t>
    <rPh sb="0" eb="1">
      <t>ダイ</t>
    </rPh>
    <rPh sb="2" eb="3">
      <t>ヒョウ</t>
    </rPh>
    <phoneticPr fontId="2"/>
  </si>
  <si>
    <t>市区町村名</t>
    <rPh sb="0" eb="5">
      <t>シクチョウソンメイ</t>
    </rPh>
    <phoneticPr fontId="2"/>
  </si>
  <si>
    <t>総人口</t>
    <rPh sb="0" eb="1">
      <t>ソウ</t>
    </rPh>
    <rPh sb="1" eb="3">
      <t>ジンコウ</t>
    </rPh>
    <phoneticPr fontId="2"/>
  </si>
  <si>
    <t>男</t>
    <rPh sb="0" eb="1">
      <t>オトコ</t>
    </rPh>
    <phoneticPr fontId="2"/>
  </si>
  <si>
    <t>女</t>
    <rPh sb="0" eb="1">
      <t>オンナ</t>
    </rPh>
    <phoneticPr fontId="2"/>
  </si>
  <si>
    <t>世帯数</t>
    <rPh sb="0" eb="3">
      <t>セタイスウ</t>
    </rPh>
    <phoneticPr fontId="2"/>
  </si>
  <si>
    <t>総人口</t>
    <rPh sb="0" eb="3">
      <t>ソウジンコウ</t>
    </rPh>
    <phoneticPr fontId="2"/>
  </si>
  <si>
    <t>人</t>
    <rPh sb="0" eb="1">
      <t>ヒト</t>
    </rPh>
    <phoneticPr fontId="2"/>
  </si>
  <si>
    <t>世帯</t>
    <rPh sb="0" eb="2">
      <t>セタイ</t>
    </rPh>
    <phoneticPr fontId="2"/>
  </si>
  <si>
    <t>県計</t>
    <rPh sb="0" eb="2">
      <t>ケンケイ</t>
    </rPh>
    <phoneticPr fontId="2"/>
  </si>
  <si>
    <t>市部計</t>
    <rPh sb="0" eb="3">
      <t>シブケイ</t>
    </rPh>
    <phoneticPr fontId="2"/>
  </si>
  <si>
    <t>郡部計</t>
    <rPh sb="0" eb="2">
      <t>グンブ</t>
    </rPh>
    <rPh sb="2" eb="3">
      <t>ケイ</t>
    </rPh>
    <phoneticPr fontId="2"/>
  </si>
  <si>
    <t>横浜市</t>
    <rPh sb="0" eb="3">
      <t>ヨコハマシ</t>
    </rPh>
    <phoneticPr fontId="2"/>
  </si>
  <si>
    <t>鶴見区</t>
    <rPh sb="0" eb="3">
      <t>ツルミク</t>
    </rPh>
    <phoneticPr fontId="2"/>
  </si>
  <si>
    <t>神奈川区</t>
    <rPh sb="0" eb="4">
      <t>カナガワク</t>
    </rPh>
    <phoneticPr fontId="2"/>
  </si>
  <si>
    <t>西区</t>
    <rPh sb="0" eb="2">
      <t>ニシク</t>
    </rPh>
    <phoneticPr fontId="2"/>
  </si>
  <si>
    <t>中区</t>
    <rPh sb="0" eb="2">
      <t>ナカク</t>
    </rPh>
    <phoneticPr fontId="2"/>
  </si>
  <si>
    <t>南区</t>
    <rPh sb="0" eb="2">
      <t>ミナミク</t>
    </rPh>
    <phoneticPr fontId="2"/>
  </si>
  <si>
    <t>港南区</t>
    <rPh sb="0" eb="3">
      <t>コウナンク</t>
    </rPh>
    <phoneticPr fontId="2"/>
  </si>
  <si>
    <t>保土ケ谷区</t>
    <rPh sb="0" eb="1">
      <t>タモツ</t>
    </rPh>
    <rPh sb="1" eb="4">
      <t>ツチガヤ</t>
    </rPh>
    <rPh sb="4" eb="5">
      <t>ク</t>
    </rPh>
    <phoneticPr fontId="2"/>
  </si>
  <si>
    <t>旭区</t>
    <rPh sb="0" eb="2">
      <t>アサヒク</t>
    </rPh>
    <phoneticPr fontId="2"/>
  </si>
  <si>
    <t>磯子区</t>
    <rPh sb="0" eb="3">
      <t>イソゴク</t>
    </rPh>
    <phoneticPr fontId="2"/>
  </si>
  <si>
    <t>金沢区</t>
    <rPh sb="0" eb="3">
      <t>カナザワク</t>
    </rPh>
    <phoneticPr fontId="2"/>
  </si>
  <si>
    <t>港北区</t>
    <rPh sb="0" eb="3">
      <t>コウホクク</t>
    </rPh>
    <phoneticPr fontId="2"/>
  </si>
  <si>
    <t>緑区</t>
    <rPh sb="0" eb="2">
      <t>ミドリク</t>
    </rPh>
    <phoneticPr fontId="2"/>
  </si>
  <si>
    <t>青葉区</t>
    <rPh sb="0" eb="3">
      <t>アオバク</t>
    </rPh>
    <phoneticPr fontId="2"/>
  </si>
  <si>
    <t>都筑区</t>
    <rPh sb="0" eb="3">
      <t>ツヅキク</t>
    </rPh>
    <phoneticPr fontId="2"/>
  </si>
  <si>
    <t>戸塚区</t>
    <rPh sb="0" eb="3">
      <t>トツカク</t>
    </rPh>
    <phoneticPr fontId="2"/>
  </si>
  <si>
    <t>栄区</t>
    <rPh sb="0" eb="2">
      <t>サカエク</t>
    </rPh>
    <phoneticPr fontId="2"/>
  </si>
  <si>
    <t>泉区</t>
    <rPh sb="0" eb="2">
      <t>イズミク</t>
    </rPh>
    <phoneticPr fontId="2"/>
  </si>
  <si>
    <t>瀬谷区</t>
    <rPh sb="0" eb="3">
      <t>セヤク</t>
    </rPh>
    <phoneticPr fontId="2"/>
  </si>
  <si>
    <t>川崎市</t>
    <rPh sb="0" eb="3">
      <t>カワサキシ</t>
    </rPh>
    <phoneticPr fontId="2"/>
  </si>
  <si>
    <t>川崎区</t>
    <rPh sb="0" eb="3">
      <t>カワサキク</t>
    </rPh>
    <phoneticPr fontId="2"/>
  </si>
  <si>
    <t>幸区</t>
    <rPh sb="0" eb="2">
      <t>サイワイク</t>
    </rPh>
    <phoneticPr fontId="2"/>
  </si>
  <si>
    <t>中原区</t>
    <rPh sb="0" eb="3">
      <t>ナカハラク</t>
    </rPh>
    <phoneticPr fontId="2"/>
  </si>
  <si>
    <t>高津区</t>
    <rPh sb="0" eb="3">
      <t>タカツク</t>
    </rPh>
    <phoneticPr fontId="2"/>
  </si>
  <si>
    <t>宮前区</t>
    <rPh sb="0" eb="3">
      <t>ミヤマエク</t>
    </rPh>
    <phoneticPr fontId="2"/>
  </si>
  <si>
    <t>多摩区</t>
    <rPh sb="0" eb="3">
      <t>タマク</t>
    </rPh>
    <phoneticPr fontId="2"/>
  </si>
  <si>
    <t>麻生区</t>
    <rPh sb="0" eb="3">
      <t>アサオク</t>
    </rPh>
    <phoneticPr fontId="2"/>
  </si>
  <si>
    <t>相模原市</t>
    <rPh sb="0" eb="4">
      <t>サガミハラシ</t>
    </rPh>
    <phoneticPr fontId="2"/>
  </si>
  <si>
    <t>中央区</t>
    <rPh sb="0" eb="3">
      <t>チュウオウク</t>
    </rPh>
    <phoneticPr fontId="2"/>
  </si>
  <si>
    <t>横須賀市</t>
    <rPh sb="0" eb="4">
      <t>ヨコスカシ</t>
    </rPh>
    <phoneticPr fontId="2"/>
  </si>
  <si>
    <t>平塚市</t>
    <rPh sb="0" eb="3">
      <t>ヒラツカシ</t>
    </rPh>
    <phoneticPr fontId="2"/>
  </si>
  <si>
    <t>鎌倉市</t>
    <rPh sb="0" eb="3">
      <t>カマクラシ</t>
    </rPh>
    <phoneticPr fontId="2"/>
  </si>
  <si>
    <t>藤沢市</t>
    <rPh sb="0" eb="3">
      <t>フジサワシ</t>
    </rPh>
    <phoneticPr fontId="2"/>
  </si>
  <si>
    <t>小田原市</t>
    <rPh sb="0" eb="4">
      <t>オダワラシ</t>
    </rPh>
    <phoneticPr fontId="2"/>
  </si>
  <si>
    <t>茅ヶ崎市</t>
    <rPh sb="0" eb="4">
      <t>チガサキシ</t>
    </rPh>
    <phoneticPr fontId="2"/>
  </si>
  <si>
    <t>逗子市</t>
    <rPh sb="0" eb="3">
      <t>ズシシ</t>
    </rPh>
    <phoneticPr fontId="2"/>
  </si>
  <si>
    <t>三浦市</t>
    <rPh sb="0" eb="3">
      <t>ミウラシ</t>
    </rPh>
    <phoneticPr fontId="2"/>
  </si>
  <si>
    <t>秦野市</t>
    <rPh sb="0" eb="3">
      <t>ハダノシ</t>
    </rPh>
    <phoneticPr fontId="2"/>
  </si>
  <si>
    <t>厚木市</t>
    <rPh sb="0" eb="3">
      <t>アツギシ</t>
    </rPh>
    <phoneticPr fontId="2"/>
  </si>
  <si>
    <t>大和市</t>
    <rPh sb="0" eb="3">
      <t>ヤマトシ</t>
    </rPh>
    <phoneticPr fontId="2"/>
  </si>
  <si>
    <t>伊勢原市</t>
    <rPh sb="0" eb="4">
      <t>イセハラシ</t>
    </rPh>
    <phoneticPr fontId="2"/>
  </si>
  <si>
    <t>海老名市</t>
    <rPh sb="0" eb="4">
      <t>エビナシ</t>
    </rPh>
    <phoneticPr fontId="2"/>
  </si>
  <si>
    <t>座間市</t>
    <rPh sb="0" eb="3">
      <t>ザマシ</t>
    </rPh>
    <phoneticPr fontId="2"/>
  </si>
  <si>
    <t>南足柄市</t>
    <rPh sb="0" eb="4">
      <t>ミナミアシガラシ</t>
    </rPh>
    <phoneticPr fontId="2"/>
  </si>
  <si>
    <t>綾瀬市</t>
    <rPh sb="0" eb="3">
      <t>アヤセシ</t>
    </rPh>
    <phoneticPr fontId="2"/>
  </si>
  <si>
    <t>三浦郡葉山町</t>
    <rPh sb="0" eb="3">
      <t>ミウラグン</t>
    </rPh>
    <rPh sb="3" eb="6">
      <t>ハヤママチ</t>
    </rPh>
    <phoneticPr fontId="2"/>
  </si>
  <si>
    <t>高座郡寒川町</t>
    <rPh sb="0" eb="3">
      <t>コウザグン</t>
    </rPh>
    <rPh sb="3" eb="6">
      <t>サムカワマチ</t>
    </rPh>
    <phoneticPr fontId="2"/>
  </si>
  <si>
    <t>中郡</t>
    <rPh sb="0" eb="2">
      <t>ナカグン</t>
    </rPh>
    <phoneticPr fontId="2"/>
  </si>
  <si>
    <t>大磯町</t>
    <rPh sb="0" eb="3">
      <t>オオイソマチ</t>
    </rPh>
    <phoneticPr fontId="2"/>
  </si>
  <si>
    <t>二宮町</t>
    <rPh sb="0" eb="3">
      <t>ニノミヤマチ</t>
    </rPh>
    <phoneticPr fontId="2"/>
  </si>
  <si>
    <t>足柄上郡</t>
    <rPh sb="0" eb="4">
      <t>アシガラカミグン</t>
    </rPh>
    <phoneticPr fontId="2"/>
  </si>
  <si>
    <t>中井町</t>
    <rPh sb="0" eb="3">
      <t>ナカイマチ</t>
    </rPh>
    <phoneticPr fontId="2"/>
  </si>
  <si>
    <t>大井町</t>
    <rPh sb="0" eb="3">
      <t>オオイマチ</t>
    </rPh>
    <phoneticPr fontId="2"/>
  </si>
  <si>
    <t>松田町</t>
    <rPh sb="0" eb="3">
      <t>マツダマチ</t>
    </rPh>
    <phoneticPr fontId="2"/>
  </si>
  <si>
    <t>山北町</t>
    <rPh sb="0" eb="3">
      <t>ヤマキタマチ</t>
    </rPh>
    <phoneticPr fontId="2"/>
  </si>
  <si>
    <t>開成町</t>
    <rPh sb="0" eb="3">
      <t>カイセイマチ</t>
    </rPh>
    <phoneticPr fontId="2"/>
  </si>
  <si>
    <t>足柄下郡</t>
    <rPh sb="0" eb="4">
      <t>アシガラシモグン</t>
    </rPh>
    <phoneticPr fontId="2"/>
  </si>
  <si>
    <t>箱根町</t>
    <rPh sb="0" eb="3">
      <t>ハコネマチ</t>
    </rPh>
    <phoneticPr fontId="2"/>
  </si>
  <si>
    <t>真鶴町</t>
    <rPh sb="0" eb="3">
      <t>マナヅルマチ</t>
    </rPh>
    <phoneticPr fontId="2"/>
  </si>
  <si>
    <t>湯河原町</t>
    <rPh sb="0" eb="4">
      <t>ユガワラマチ</t>
    </rPh>
    <phoneticPr fontId="2"/>
  </si>
  <si>
    <t>愛甲郡</t>
    <rPh sb="0" eb="3">
      <t>アイコウグン</t>
    </rPh>
    <phoneticPr fontId="2"/>
  </si>
  <si>
    <t>愛川町</t>
    <rPh sb="0" eb="3">
      <t>アイカワマチ</t>
    </rPh>
    <phoneticPr fontId="2"/>
  </si>
  <si>
    <t>清川村</t>
    <rPh sb="0" eb="3">
      <t>キヨカワムラ</t>
    </rPh>
    <phoneticPr fontId="2"/>
  </si>
  <si>
    <t>令和3年５月１日</t>
  </si>
  <si>
    <t>令和3年６月１日</t>
  </si>
  <si>
    <t>令和3年４月１日</t>
  </si>
  <si>
    <t>令和3年３月１日</t>
  </si>
  <si>
    <t>月別市区町村別人口及び世帯数　(2)</t>
    <rPh sb="0" eb="2">
      <t>ツキベツ</t>
    </rPh>
    <rPh sb="2" eb="7">
      <t>シクチョウソンベツ</t>
    </rPh>
    <rPh sb="7" eb="9">
      <t>ジンコウ</t>
    </rPh>
    <rPh sb="9" eb="10">
      <t>オヨ</t>
    </rPh>
    <rPh sb="11" eb="14">
      <t>セタイスウ</t>
    </rPh>
    <phoneticPr fontId="2"/>
  </si>
  <si>
    <t>令和3年２月１日</t>
  </si>
  <si>
    <t>令和3年１月１日</t>
  </si>
  <si>
    <t>月別市区町村別人口及び世帯数　(1)</t>
    <rPh sb="0" eb="2">
      <t>ツキベツ</t>
    </rPh>
    <rPh sb="2" eb="7">
      <t>シクチョウソンベツ</t>
    </rPh>
    <rPh sb="7" eb="9">
      <t>ジンコウ</t>
    </rPh>
    <rPh sb="9" eb="10">
      <t>オヨ</t>
    </rPh>
    <rPh sb="11" eb="14">
      <t>セタイスウ</t>
    </rPh>
    <phoneticPr fontId="2"/>
  </si>
  <si>
    <t>令和3年８月１日</t>
  </si>
  <si>
    <t>令和3年７月１日</t>
  </si>
  <si>
    <t>月別市区町村別人口及び世帯数　(4)</t>
    <rPh sb="0" eb="2">
      <t>ツキベツ</t>
    </rPh>
    <rPh sb="2" eb="7">
      <t>シクチョウソンベツ</t>
    </rPh>
    <rPh sb="7" eb="9">
      <t>ジンコウ</t>
    </rPh>
    <rPh sb="9" eb="10">
      <t>オヨ</t>
    </rPh>
    <rPh sb="11" eb="14">
      <t>セタイスウ</t>
    </rPh>
    <phoneticPr fontId="2"/>
  </si>
  <si>
    <t>令和3年10月１日</t>
  </si>
  <si>
    <t>令和3年９月１日</t>
  </si>
  <si>
    <t>月別市区町村別人口及び世帯数　(5)</t>
    <rPh sb="0" eb="2">
      <t>ツキベツ</t>
    </rPh>
    <rPh sb="2" eb="7">
      <t>シクチョウソンベツ</t>
    </rPh>
    <rPh sb="7" eb="9">
      <t>ジンコウ</t>
    </rPh>
    <rPh sb="9" eb="10">
      <t>オヨ</t>
    </rPh>
    <rPh sb="11" eb="14">
      <t>セタイスウ</t>
    </rPh>
    <phoneticPr fontId="2"/>
  </si>
  <si>
    <t>令和3年12月１日</t>
  </si>
  <si>
    <t>令和3年11月１日</t>
  </si>
  <si>
    <t>月別市区町村別人口及び世帯数　(6)</t>
    <rPh sb="0" eb="2">
      <t>ツキベツ</t>
    </rPh>
    <rPh sb="2" eb="7">
      <t>シクチョウソンベツ</t>
    </rPh>
    <rPh sb="7" eb="9">
      <t>ジンコウ</t>
    </rPh>
    <rPh sb="9" eb="10">
      <t>オヨ</t>
    </rPh>
    <rPh sb="11" eb="14">
      <t>セタイス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,##0_ "/>
  </numFmts>
  <fonts count="7" x14ac:knownFonts="1">
    <font>
      <sz val="12"/>
      <color theme="1"/>
      <name val="ＭＳ 明朝"/>
      <family val="2"/>
      <charset val="128"/>
    </font>
    <font>
      <sz val="12"/>
      <color theme="1"/>
      <name val="HGPｺﾞｼｯｸM"/>
      <family val="3"/>
      <charset val="128"/>
    </font>
    <font>
      <sz val="6"/>
      <name val="ＭＳ 明朝"/>
      <family val="2"/>
      <charset val="128"/>
    </font>
    <font>
      <sz val="8"/>
      <color theme="1"/>
      <name val="HGPｺﾞｼｯｸM"/>
      <family val="3"/>
      <charset val="128"/>
    </font>
    <font>
      <b/>
      <sz val="8"/>
      <color theme="0"/>
      <name val="HGPｺﾞｼｯｸM"/>
      <family val="3"/>
      <charset val="128"/>
    </font>
    <font>
      <sz val="8"/>
      <color theme="0"/>
      <name val="HGPｺﾞｼｯｸM"/>
      <family val="3"/>
      <charset val="128"/>
    </font>
    <font>
      <b/>
      <sz val="8"/>
      <color theme="1"/>
      <name val="HGPｺﾞｼｯｸM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5" tint="-0.499984740745262"/>
        <bgColor indexed="64"/>
      </patternFill>
    </fill>
    <fill>
      <patternFill patternType="solid">
        <fgColor theme="5" tint="0.59999389629810485"/>
        <bgColor indexed="64"/>
      </patternFill>
    </fill>
  </fills>
  <borders count="17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48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8" xfId="0" applyFont="1" applyBorder="1" applyAlignment="1">
      <alignment horizontal="center" vertical="center"/>
    </xf>
    <xf numFmtId="0" fontId="3" fillId="0" borderId="9" xfId="0" applyFont="1" applyBorder="1" applyAlignment="1">
      <alignment horizontal="center" vertical="center"/>
    </xf>
    <xf numFmtId="0" fontId="3" fillId="0" borderId="10" xfId="0" applyFont="1" applyBorder="1">
      <alignment vertical="center"/>
    </xf>
    <xf numFmtId="0" fontId="3" fillId="0" borderId="0" xfId="0" applyFont="1" applyBorder="1">
      <alignment vertical="center"/>
    </xf>
    <xf numFmtId="0" fontId="3" fillId="0" borderId="11" xfId="0" applyFont="1" applyBorder="1" applyAlignment="1">
      <alignment horizontal="right" vertical="center"/>
    </xf>
    <xf numFmtId="0" fontId="3" fillId="0" borderId="12" xfId="0" applyFont="1" applyBorder="1" applyAlignment="1">
      <alignment horizontal="right" vertical="center"/>
    </xf>
    <xf numFmtId="0" fontId="5" fillId="2" borderId="0" xfId="0" applyFont="1" applyFill="1" applyBorder="1">
      <alignment vertical="center"/>
    </xf>
    <xf numFmtId="176" fontId="5" fillId="2" borderId="11" xfId="0" applyNumberFormat="1" applyFont="1" applyFill="1" applyBorder="1">
      <alignment vertical="center"/>
    </xf>
    <xf numFmtId="176" fontId="5" fillId="2" borderId="12" xfId="0" applyNumberFormat="1" applyFont="1" applyFill="1" applyBorder="1">
      <alignment vertical="center"/>
    </xf>
    <xf numFmtId="0" fontId="3" fillId="0" borderId="0" xfId="0" applyFont="1" applyFill="1" applyBorder="1">
      <alignment vertical="center"/>
    </xf>
    <xf numFmtId="176" fontId="3" fillId="0" borderId="11" xfId="0" applyNumberFormat="1" applyFont="1" applyFill="1" applyBorder="1">
      <alignment vertical="center"/>
    </xf>
    <xf numFmtId="176" fontId="3" fillId="0" borderId="12" xfId="0" applyNumberFormat="1" applyFont="1" applyFill="1" applyBorder="1">
      <alignment vertical="center"/>
    </xf>
    <xf numFmtId="0" fontId="3" fillId="0" borderId="0" xfId="0" applyFont="1" applyFill="1">
      <alignment vertical="center"/>
    </xf>
    <xf numFmtId="0" fontId="0" fillId="0" borderId="0" xfId="0" applyFill="1">
      <alignment vertical="center"/>
    </xf>
    <xf numFmtId="0" fontId="3" fillId="0" borderId="10" xfId="0" applyFont="1" applyBorder="1" applyAlignment="1">
      <alignment horizontal="distributed" vertical="center"/>
    </xf>
    <xf numFmtId="0" fontId="3" fillId="0" borderId="0" xfId="0" applyFont="1" applyBorder="1" applyAlignment="1">
      <alignment horizontal="distributed" vertical="center"/>
    </xf>
    <xf numFmtId="176" fontId="3" fillId="0" borderId="11" xfId="0" applyNumberFormat="1" applyFont="1" applyBorder="1">
      <alignment vertical="center"/>
    </xf>
    <xf numFmtId="176" fontId="3" fillId="0" borderId="12" xfId="0" applyNumberFormat="1" applyFont="1" applyBorder="1">
      <alignment vertical="center"/>
    </xf>
    <xf numFmtId="0" fontId="3" fillId="3" borderId="0" xfId="0" applyFont="1" applyFill="1" applyBorder="1">
      <alignment vertical="center"/>
    </xf>
    <xf numFmtId="176" fontId="3" fillId="3" borderId="11" xfId="0" applyNumberFormat="1" applyFont="1" applyFill="1" applyBorder="1">
      <alignment vertical="center"/>
    </xf>
    <xf numFmtId="176" fontId="3" fillId="3" borderId="12" xfId="0" applyNumberFormat="1" applyFont="1" applyFill="1" applyBorder="1">
      <alignment vertical="center"/>
    </xf>
    <xf numFmtId="0" fontId="3" fillId="0" borderId="13" xfId="0" applyFont="1" applyBorder="1">
      <alignment vertical="center"/>
    </xf>
    <xf numFmtId="0" fontId="3" fillId="0" borderId="14" xfId="0" applyFont="1" applyBorder="1">
      <alignment vertical="center"/>
    </xf>
    <xf numFmtId="176" fontId="3" fillId="0" borderId="15" xfId="0" applyNumberFormat="1" applyFont="1" applyBorder="1">
      <alignment vertical="center"/>
    </xf>
    <xf numFmtId="176" fontId="3" fillId="0" borderId="16" xfId="0" applyNumberFormat="1" applyFont="1" applyBorder="1">
      <alignment vertical="center"/>
    </xf>
    <xf numFmtId="0" fontId="3" fillId="0" borderId="10" xfId="0" applyFont="1" applyBorder="1" applyAlignment="1">
      <alignment horizontal="distributed" vertical="center"/>
    </xf>
    <xf numFmtId="0" fontId="3" fillId="0" borderId="0" xfId="0" applyFont="1" applyBorder="1" applyAlignment="1">
      <alignment horizontal="distributed" vertical="center"/>
    </xf>
    <xf numFmtId="0" fontId="3" fillId="0" borderId="0" xfId="0" applyFont="1">
      <alignment vertical="center"/>
    </xf>
    <xf numFmtId="0" fontId="6" fillId="0" borderId="10" xfId="0" applyFont="1" applyFill="1" applyBorder="1" applyAlignment="1">
      <alignment horizontal="distributed" vertical="center"/>
    </xf>
    <xf numFmtId="0" fontId="6" fillId="0" borderId="0" xfId="0" applyFont="1" applyFill="1" applyBorder="1" applyAlignment="1">
      <alignment horizontal="distributed" vertical="center"/>
    </xf>
    <xf numFmtId="0" fontId="6" fillId="3" borderId="10" xfId="0" applyFont="1" applyFill="1" applyBorder="1" applyAlignment="1">
      <alignment horizontal="distributed" vertical="center"/>
    </xf>
    <xf numFmtId="0" fontId="6" fillId="3" borderId="0" xfId="0" applyFont="1" applyFill="1" applyBorder="1" applyAlignment="1">
      <alignment horizontal="distributed" vertical="center"/>
    </xf>
    <xf numFmtId="0" fontId="3" fillId="0" borderId="10" xfId="0" applyFont="1" applyBorder="1" applyAlignment="1">
      <alignment horizontal="distributed" vertical="center"/>
    </xf>
    <xf numFmtId="0" fontId="3" fillId="0" borderId="0" xfId="0" applyFont="1" applyBorder="1" applyAlignment="1">
      <alignment horizontal="distributed" vertical="center"/>
    </xf>
    <xf numFmtId="0" fontId="1" fillId="0" borderId="0" xfId="0" applyFont="1" applyAlignment="1">
      <alignment horizontal="center" vertical="center"/>
    </xf>
    <xf numFmtId="0" fontId="3" fillId="0" borderId="0" xfId="0" applyFont="1">
      <alignment vertical="center"/>
    </xf>
    <xf numFmtId="0" fontId="3" fillId="0" borderId="0" xfId="0" applyFont="1" applyAlignment="1">
      <alignment horizontal="right" vertical="center"/>
    </xf>
    <xf numFmtId="0" fontId="3" fillId="0" borderId="1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/>
    </xf>
    <xf numFmtId="0" fontId="3" fillId="0" borderId="7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/>
    </xf>
    <xf numFmtId="0" fontId="3" fillId="0" borderId="5" xfId="0" applyFont="1" applyBorder="1" applyAlignment="1">
      <alignment horizontal="center" vertical="center"/>
    </xf>
    <xf numFmtId="0" fontId="4" fillId="2" borderId="10" xfId="0" applyFont="1" applyFill="1" applyBorder="1" applyAlignment="1">
      <alignment horizontal="distributed" vertical="center"/>
    </xf>
    <xf numFmtId="0" fontId="4" fillId="2" borderId="0" xfId="0" applyFont="1" applyFill="1" applyBorder="1" applyAlignment="1">
      <alignment horizontal="distributed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externalLink" Target="externalLinks/externalLink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64501034/Desktop/&#20154;&#21475;&#38598;&#35336;&#12471;&#12473;&#12486;&#12512;(&#20462;&#27491;)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鶴見区"/>
      <sheetName val="神奈川区"/>
      <sheetName val="西区"/>
      <sheetName val="中区"/>
      <sheetName val="南区"/>
      <sheetName val="港南区"/>
      <sheetName val="保土ケ谷区"/>
      <sheetName val="旭区"/>
      <sheetName val="磯子区"/>
      <sheetName val="金沢区"/>
      <sheetName val="港北区"/>
      <sheetName val="緑区"/>
      <sheetName val="青葉区"/>
      <sheetName val="都筑区"/>
      <sheetName val="戸塚区"/>
      <sheetName val="栄区"/>
      <sheetName val="泉区"/>
      <sheetName val="瀬谷区"/>
      <sheetName val="川崎区"/>
      <sheetName val="幸区"/>
      <sheetName val="中原区"/>
      <sheetName val="高津区"/>
      <sheetName val="宮前区"/>
      <sheetName val="多摩区"/>
      <sheetName val="麻生区"/>
      <sheetName val="相模原市緑区"/>
      <sheetName val="相模原市中央区"/>
      <sheetName val="相模原市南区"/>
      <sheetName val="横須賀市"/>
      <sheetName val="平塚市"/>
      <sheetName val="鎌倉市"/>
      <sheetName val="藤沢市"/>
      <sheetName val="小田原市"/>
      <sheetName val="茅ヶ崎市"/>
      <sheetName val="逗子市"/>
      <sheetName val="三浦市"/>
      <sheetName val="秦野市"/>
      <sheetName val="厚木市"/>
      <sheetName val="大和市"/>
      <sheetName val="伊勢原市"/>
      <sheetName val="海老名市"/>
      <sheetName val="座間市"/>
      <sheetName val="南足柄市"/>
      <sheetName val="綾瀬市"/>
      <sheetName val="葉山町"/>
      <sheetName val="寒川町"/>
      <sheetName val="大磯町"/>
      <sheetName val="二宮町"/>
      <sheetName val="中井町"/>
      <sheetName val="大井町"/>
      <sheetName val="松田町"/>
      <sheetName val="山北町"/>
      <sheetName val="開成町"/>
      <sheetName val="箱根町"/>
      <sheetName val="真鶴町"/>
      <sheetName val="湯河原町"/>
      <sheetName val="愛川町"/>
      <sheetName val="清川村"/>
      <sheetName val="県計"/>
      <sheetName val="市部計"/>
      <sheetName val="郡部計"/>
      <sheetName val="横浜市"/>
      <sheetName val="川崎市"/>
      <sheetName val="相模原市"/>
      <sheetName val="中郡"/>
      <sheetName val="足柄上郡"/>
      <sheetName val="足柄下郡"/>
      <sheetName val="愛甲郡"/>
      <sheetName val="横須賀･三浦"/>
      <sheetName val="県央"/>
      <sheetName val="湘南"/>
      <sheetName val="県西"/>
      <sheetName val="様式1"/>
      <sheetName val="様式2"/>
      <sheetName val="月報（記者発表）"/>
      <sheetName val="月報1"/>
      <sheetName val="月報2"/>
      <sheetName val="月報3"/>
      <sheetName val="月報4"/>
      <sheetName val="記者発表添付資料"/>
      <sheetName val="人口と世帯"/>
      <sheetName val="人口異動"/>
      <sheetName val="行政C(人口と世帯)"/>
      <sheetName val="行政C(人口異動)"/>
      <sheetName val="参考資料"/>
      <sheetName val="データ比較用元データ"/>
      <sheetName val="ランキング"/>
      <sheetName val="グラフデータ"/>
      <sheetName val="市区町村面積リスト"/>
      <sheetName val="基本データ"/>
      <sheetName val="システムトップ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V85"/>
  <sheetViews>
    <sheetView tabSelected="1" view="pageBreakPreview" zoomScaleNormal="115" zoomScaleSheetLayoutView="100" workbookViewId="0">
      <selection sqref="A1:K1"/>
    </sheetView>
  </sheetViews>
  <sheetFormatPr defaultRowHeight="14.25" x14ac:dyDescent="0.15"/>
  <cols>
    <col min="1" max="1" width="1.75" style="29" customWidth="1"/>
    <col min="2" max="2" width="7.5" style="29" customWidth="1"/>
    <col min="3" max="3" width="1.25" style="29" customWidth="1"/>
    <col min="4" max="11" width="8.5" style="29" customWidth="1"/>
    <col min="12" max="18" width="6.875" style="29" customWidth="1"/>
  </cols>
  <sheetData>
    <row r="1" spans="1:22" ht="18.75" customHeight="1" x14ac:dyDescent="0.15">
      <c r="A1" s="36" t="s">
        <v>83</v>
      </c>
      <c r="B1" s="36"/>
      <c r="C1" s="36"/>
      <c r="D1" s="36"/>
      <c r="E1" s="36"/>
      <c r="F1" s="36"/>
      <c r="G1" s="36"/>
      <c r="H1" s="36"/>
      <c r="I1" s="36"/>
      <c r="J1" s="36"/>
      <c r="K1" s="36"/>
    </row>
    <row r="2" spans="1:22" ht="15" customHeight="1" thickBot="1" x14ac:dyDescent="0.2">
      <c r="A2" s="37" t="s">
        <v>1</v>
      </c>
      <c r="B2" s="37"/>
      <c r="C2" s="37"/>
      <c r="I2" s="38"/>
      <c r="J2" s="38"/>
      <c r="K2" s="38"/>
    </row>
    <row r="3" spans="1:22" ht="15" customHeight="1" x14ac:dyDescent="0.15">
      <c r="A3" s="39" t="s">
        <v>2</v>
      </c>
      <c r="B3" s="40"/>
      <c r="C3" s="40"/>
      <c r="D3" s="43" t="s">
        <v>82</v>
      </c>
      <c r="E3" s="40"/>
      <c r="F3" s="40"/>
      <c r="G3" s="44"/>
      <c r="H3" s="43" t="s">
        <v>81</v>
      </c>
      <c r="I3" s="40"/>
      <c r="J3" s="40"/>
      <c r="K3" s="45"/>
    </row>
    <row r="4" spans="1:22" ht="15" customHeight="1" x14ac:dyDescent="0.15">
      <c r="A4" s="41"/>
      <c r="B4" s="42"/>
      <c r="C4" s="42"/>
      <c r="D4" s="2" t="s">
        <v>3</v>
      </c>
      <c r="E4" s="2" t="s">
        <v>4</v>
      </c>
      <c r="F4" s="2" t="s">
        <v>5</v>
      </c>
      <c r="G4" s="2" t="s">
        <v>6</v>
      </c>
      <c r="H4" s="2" t="s">
        <v>7</v>
      </c>
      <c r="I4" s="2" t="s">
        <v>4</v>
      </c>
      <c r="J4" s="2" t="s">
        <v>5</v>
      </c>
      <c r="K4" s="3" t="s">
        <v>6</v>
      </c>
    </row>
    <row r="5" spans="1:22" ht="10.5" customHeight="1" x14ac:dyDescent="0.15">
      <c r="A5" s="4"/>
      <c r="B5" s="5"/>
      <c r="C5" s="5"/>
      <c r="D5" s="6" t="s">
        <v>8</v>
      </c>
      <c r="E5" s="6" t="s">
        <v>8</v>
      </c>
      <c r="F5" s="6" t="s">
        <v>8</v>
      </c>
      <c r="G5" s="6" t="s">
        <v>9</v>
      </c>
      <c r="H5" s="6" t="s">
        <v>8</v>
      </c>
      <c r="I5" s="6" t="s">
        <v>8</v>
      </c>
      <c r="J5" s="6" t="s">
        <v>8</v>
      </c>
      <c r="K5" s="7" t="s">
        <v>9</v>
      </c>
    </row>
    <row r="6" spans="1:22" ht="9.75" customHeight="1" x14ac:dyDescent="0.15">
      <c r="A6" s="46" t="s">
        <v>10</v>
      </c>
      <c r="B6" s="47"/>
      <c r="C6" s="8"/>
      <c r="D6" s="9">
        <v>9236337</v>
      </c>
      <c r="E6" s="9">
        <v>4586915</v>
      </c>
      <c r="F6" s="9">
        <v>4649422</v>
      </c>
      <c r="G6" s="9">
        <v>4228524</v>
      </c>
      <c r="H6" s="9">
        <v>9231822</v>
      </c>
      <c r="I6" s="9">
        <v>4584414</v>
      </c>
      <c r="J6" s="9">
        <v>4647408</v>
      </c>
      <c r="K6" s="10">
        <v>4228333</v>
      </c>
    </row>
    <row r="7" spans="1:22" s="14" customFormat="1" ht="9.75" customHeight="1" x14ac:dyDescent="0.15">
      <c r="A7" s="30" t="s">
        <v>11</v>
      </c>
      <c r="B7" s="31"/>
      <c r="C7" s="11"/>
      <c r="D7" s="12">
        <v>8947488</v>
      </c>
      <c r="E7" s="12">
        <v>4444828</v>
      </c>
      <c r="F7" s="12">
        <v>4502660</v>
      </c>
      <c r="G7" s="12">
        <v>4107426</v>
      </c>
      <c r="H7" s="12">
        <v>8943180</v>
      </c>
      <c r="I7" s="12">
        <v>4442397</v>
      </c>
      <c r="J7" s="12">
        <v>4500783</v>
      </c>
      <c r="K7" s="13">
        <v>4107212</v>
      </c>
      <c r="S7" s="15"/>
      <c r="T7" s="15"/>
      <c r="U7" s="15"/>
      <c r="V7" s="15"/>
    </row>
    <row r="8" spans="1:22" s="14" customFormat="1" ht="9.75" customHeight="1" x14ac:dyDescent="0.15">
      <c r="A8" s="30" t="s">
        <v>12</v>
      </c>
      <c r="B8" s="31"/>
      <c r="C8" s="11"/>
      <c r="D8" s="12">
        <v>288849</v>
      </c>
      <c r="E8" s="12">
        <v>142087</v>
      </c>
      <c r="F8" s="12">
        <v>146762</v>
      </c>
      <c r="G8" s="12">
        <v>121098</v>
      </c>
      <c r="H8" s="12">
        <v>288642</v>
      </c>
      <c r="I8" s="12">
        <v>142017</v>
      </c>
      <c r="J8" s="12">
        <v>146625</v>
      </c>
      <c r="K8" s="13">
        <v>121121</v>
      </c>
      <c r="S8" s="15"/>
      <c r="T8" s="15"/>
      <c r="U8" s="15"/>
      <c r="V8" s="15"/>
    </row>
    <row r="9" spans="1:22" ht="3.75" customHeight="1" x14ac:dyDescent="0.15">
      <c r="A9" s="27"/>
      <c r="B9" s="28"/>
      <c r="C9" s="5"/>
      <c r="D9" s="18"/>
      <c r="E9" s="18"/>
      <c r="F9" s="18"/>
      <c r="G9" s="18"/>
      <c r="H9" s="18"/>
      <c r="I9" s="18"/>
      <c r="J9" s="18"/>
      <c r="K9" s="19"/>
    </row>
    <row r="10" spans="1:22" ht="9.75" customHeight="1" x14ac:dyDescent="0.15">
      <c r="A10" s="32" t="s">
        <v>13</v>
      </c>
      <c r="B10" s="33"/>
      <c r="C10" s="20"/>
      <c r="D10" s="21">
        <v>3776286</v>
      </c>
      <c r="E10" s="21">
        <v>1866381</v>
      </c>
      <c r="F10" s="21">
        <v>1909905</v>
      </c>
      <c r="G10" s="21">
        <v>1754256</v>
      </c>
      <c r="H10" s="21">
        <v>3774271</v>
      </c>
      <c r="I10" s="21">
        <v>1865286</v>
      </c>
      <c r="J10" s="21">
        <v>1908985</v>
      </c>
      <c r="K10" s="22">
        <v>1753846</v>
      </c>
    </row>
    <row r="11" spans="1:22" ht="9.75" customHeight="1" x14ac:dyDescent="0.15">
      <c r="A11" s="27"/>
      <c r="B11" s="28" t="s">
        <v>14</v>
      </c>
      <c r="C11" s="5"/>
      <c r="D11" s="18">
        <v>297147</v>
      </c>
      <c r="E11" s="18">
        <v>153282</v>
      </c>
      <c r="F11" s="18">
        <v>143865</v>
      </c>
      <c r="G11" s="18">
        <v>145555</v>
      </c>
      <c r="H11" s="18">
        <v>296752</v>
      </c>
      <c r="I11" s="18">
        <v>153087</v>
      </c>
      <c r="J11" s="18">
        <v>143665</v>
      </c>
      <c r="K11" s="19">
        <v>145364</v>
      </c>
    </row>
    <row r="12" spans="1:22" ht="9.75" customHeight="1" x14ac:dyDescent="0.15">
      <c r="A12" s="27"/>
      <c r="B12" s="28" t="s">
        <v>15</v>
      </c>
      <c r="C12" s="5"/>
      <c r="D12" s="18">
        <v>247109</v>
      </c>
      <c r="E12" s="18">
        <v>125943</v>
      </c>
      <c r="F12" s="18">
        <v>121166</v>
      </c>
      <c r="G12" s="18">
        <v>129096</v>
      </c>
      <c r="H12" s="18">
        <v>247149</v>
      </c>
      <c r="I12" s="18">
        <v>125958</v>
      </c>
      <c r="J12" s="18">
        <v>121191</v>
      </c>
      <c r="K12" s="19">
        <v>129151</v>
      </c>
    </row>
    <row r="13" spans="1:22" ht="9.75" customHeight="1" x14ac:dyDescent="0.15">
      <c r="A13" s="27"/>
      <c r="B13" s="28" t="s">
        <v>16</v>
      </c>
      <c r="C13" s="5"/>
      <c r="D13" s="18">
        <v>104761</v>
      </c>
      <c r="E13" s="18">
        <v>53064</v>
      </c>
      <c r="F13" s="18">
        <v>51697</v>
      </c>
      <c r="G13" s="18">
        <v>56957</v>
      </c>
      <c r="H13" s="18">
        <v>104789</v>
      </c>
      <c r="I13" s="18">
        <v>53072</v>
      </c>
      <c r="J13" s="18">
        <v>51717</v>
      </c>
      <c r="K13" s="19">
        <v>57007</v>
      </c>
    </row>
    <row r="14" spans="1:22" ht="9.75" customHeight="1" x14ac:dyDescent="0.15">
      <c r="A14" s="27"/>
      <c r="B14" s="28" t="s">
        <v>17</v>
      </c>
      <c r="C14" s="5"/>
      <c r="D14" s="18">
        <v>151389</v>
      </c>
      <c r="E14" s="18">
        <v>77112</v>
      </c>
      <c r="F14" s="18">
        <v>74277</v>
      </c>
      <c r="G14" s="18">
        <v>85211</v>
      </c>
      <c r="H14" s="18">
        <v>151373</v>
      </c>
      <c r="I14" s="18">
        <v>77126</v>
      </c>
      <c r="J14" s="18">
        <v>74247</v>
      </c>
      <c r="K14" s="19">
        <v>85209</v>
      </c>
    </row>
    <row r="15" spans="1:22" ht="9.75" customHeight="1" x14ac:dyDescent="0.15">
      <c r="A15" s="27"/>
      <c r="B15" s="28" t="s">
        <v>18</v>
      </c>
      <c r="C15" s="5"/>
      <c r="D15" s="18">
        <v>198096</v>
      </c>
      <c r="E15" s="18">
        <v>98866</v>
      </c>
      <c r="F15" s="18">
        <v>99230</v>
      </c>
      <c r="G15" s="18">
        <v>103852</v>
      </c>
      <c r="H15" s="18">
        <v>197895</v>
      </c>
      <c r="I15" s="18">
        <v>98750</v>
      </c>
      <c r="J15" s="18">
        <v>99145</v>
      </c>
      <c r="K15" s="19">
        <v>103795</v>
      </c>
    </row>
    <row r="16" spans="1:22" ht="9.75" customHeight="1" x14ac:dyDescent="0.15">
      <c r="A16" s="27"/>
      <c r="B16" s="28" t="s">
        <v>19</v>
      </c>
      <c r="C16" s="5"/>
      <c r="D16" s="18">
        <v>215099</v>
      </c>
      <c r="E16" s="18">
        <v>104914</v>
      </c>
      <c r="F16" s="18">
        <v>110185</v>
      </c>
      <c r="G16" s="18">
        <v>95553</v>
      </c>
      <c r="H16" s="18">
        <v>215019</v>
      </c>
      <c r="I16" s="18">
        <v>104866</v>
      </c>
      <c r="J16" s="18">
        <v>110153</v>
      </c>
      <c r="K16" s="19">
        <v>95551</v>
      </c>
    </row>
    <row r="17" spans="1:11" ht="9.75" customHeight="1" x14ac:dyDescent="0.15">
      <c r="A17" s="27"/>
      <c r="B17" s="28" t="s">
        <v>20</v>
      </c>
      <c r="C17" s="5"/>
      <c r="D17" s="18">
        <v>207649</v>
      </c>
      <c r="E17" s="18">
        <v>101851</v>
      </c>
      <c r="F17" s="18">
        <v>105798</v>
      </c>
      <c r="G17" s="18">
        <v>99152</v>
      </c>
      <c r="H17" s="18">
        <v>207495</v>
      </c>
      <c r="I17" s="18">
        <v>101775</v>
      </c>
      <c r="J17" s="18">
        <v>105720</v>
      </c>
      <c r="K17" s="19">
        <v>99063</v>
      </c>
    </row>
    <row r="18" spans="1:11" ht="9.75" customHeight="1" x14ac:dyDescent="0.15">
      <c r="A18" s="27"/>
      <c r="B18" s="28" t="s">
        <v>21</v>
      </c>
      <c r="C18" s="5"/>
      <c r="D18" s="18">
        <v>244800</v>
      </c>
      <c r="E18" s="18">
        <v>118085</v>
      </c>
      <c r="F18" s="18">
        <v>126715</v>
      </c>
      <c r="G18" s="18">
        <v>107020</v>
      </c>
      <c r="H18" s="18">
        <v>244641</v>
      </c>
      <c r="I18" s="18">
        <v>118010</v>
      </c>
      <c r="J18" s="18">
        <v>126631</v>
      </c>
      <c r="K18" s="19">
        <v>106980</v>
      </c>
    </row>
    <row r="19" spans="1:11" ht="9.75" customHeight="1" x14ac:dyDescent="0.15">
      <c r="A19" s="27"/>
      <c r="B19" s="28" t="s">
        <v>22</v>
      </c>
      <c r="C19" s="5"/>
      <c r="D19" s="18">
        <v>166640</v>
      </c>
      <c r="E19" s="18">
        <v>81982</v>
      </c>
      <c r="F19" s="18">
        <v>84658</v>
      </c>
      <c r="G19" s="18">
        <v>78764</v>
      </c>
      <c r="H19" s="18">
        <v>166439</v>
      </c>
      <c r="I19" s="18">
        <v>81879</v>
      </c>
      <c r="J19" s="18">
        <v>84560</v>
      </c>
      <c r="K19" s="19">
        <v>78681</v>
      </c>
    </row>
    <row r="20" spans="1:11" ht="9.75" customHeight="1" x14ac:dyDescent="0.15">
      <c r="A20" s="27"/>
      <c r="B20" s="28" t="s">
        <v>23</v>
      </c>
      <c r="C20" s="5"/>
      <c r="D20" s="18">
        <v>198596</v>
      </c>
      <c r="E20" s="18">
        <v>96824</v>
      </c>
      <c r="F20" s="18">
        <v>101772</v>
      </c>
      <c r="G20" s="18">
        <v>89757</v>
      </c>
      <c r="H20" s="18">
        <v>198503</v>
      </c>
      <c r="I20" s="18">
        <v>96760</v>
      </c>
      <c r="J20" s="18">
        <v>101743</v>
      </c>
      <c r="K20" s="19">
        <v>89754</v>
      </c>
    </row>
    <row r="21" spans="1:11" ht="9.75" customHeight="1" x14ac:dyDescent="0.15">
      <c r="A21" s="27"/>
      <c r="B21" s="28" t="s">
        <v>24</v>
      </c>
      <c r="C21" s="5"/>
      <c r="D21" s="18">
        <v>358527</v>
      </c>
      <c r="E21" s="18">
        <v>179085</v>
      </c>
      <c r="F21" s="18">
        <v>179442</v>
      </c>
      <c r="G21" s="18">
        <v>175565</v>
      </c>
      <c r="H21" s="18">
        <v>358376</v>
      </c>
      <c r="I21" s="18">
        <v>178998</v>
      </c>
      <c r="J21" s="18">
        <v>179378</v>
      </c>
      <c r="K21" s="19">
        <v>175485</v>
      </c>
    </row>
    <row r="22" spans="1:11" ht="9.75" customHeight="1" x14ac:dyDescent="0.15">
      <c r="A22" s="27"/>
      <c r="B22" s="28" t="s">
        <v>25</v>
      </c>
      <c r="C22" s="5"/>
      <c r="D22" s="18">
        <v>183328</v>
      </c>
      <c r="E22" s="18">
        <v>90250</v>
      </c>
      <c r="F22" s="18">
        <v>93078</v>
      </c>
      <c r="G22" s="18">
        <v>79600</v>
      </c>
      <c r="H22" s="18">
        <v>183321</v>
      </c>
      <c r="I22" s="18">
        <v>90244</v>
      </c>
      <c r="J22" s="18">
        <v>93077</v>
      </c>
      <c r="K22" s="19">
        <v>79669</v>
      </c>
    </row>
    <row r="23" spans="1:11" ht="9.75" customHeight="1" x14ac:dyDescent="0.15">
      <c r="A23" s="27"/>
      <c r="B23" s="28" t="s">
        <v>26</v>
      </c>
      <c r="C23" s="5"/>
      <c r="D23" s="18">
        <v>311009</v>
      </c>
      <c r="E23" s="18">
        <v>150389</v>
      </c>
      <c r="F23" s="18">
        <v>160620</v>
      </c>
      <c r="G23" s="18">
        <v>133143</v>
      </c>
      <c r="H23" s="18">
        <v>310881</v>
      </c>
      <c r="I23" s="18">
        <v>150286</v>
      </c>
      <c r="J23" s="18">
        <v>160595</v>
      </c>
      <c r="K23" s="19">
        <v>133132</v>
      </c>
    </row>
    <row r="24" spans="1:11" ht="9.75" customHeight="1" x14ac:dyDescent="0.15">
      <c r="A24" s="27"/>
      <c r="B24" s="28" t="s">
        <v>27</v>
      </c>
      <c r="C24" s="5"/>
      <c r="D24" s="18">
        <v>213402</v>
      </c>
      <c r="E24" s="18">
        <v>104693</v>
      </c>
      <c r="F24" s="18">
        <v>108709</v>
      </c>
      <c r="G24" s="18">
        <v>84733</v>
      </c>
      <c r="H24" s="18">
        <v>213433</v>
      </c>
      <c r="I24" s="18">
        <v>104714</v>
      </c>
      <c r="J24" s="18">
        <v>108719</v>
      </c>
      <c r="K24" s="19">
        <v>84810</v>
      </c>
    </row>
    <row r="25" spans="1:11" ht="9.75" customHeight="1" x14ac:dyDescent="0.15">
      <c r="A25" s="27"/>
      <c r="B25" s="28" t="s">
        <v>28</v>
      </c>
      <c r="C25" s="5"/>
      <c r="D25" s="18">
        <v>283864</v>
      </c>
      <c r="E25" s="18">
        <v>138402</v>
      </c>
      <c r="F25" s="18">
        <v>145462</v>
      </c>
      <c r="G25" s="18">
        <v>122244</v>
      </c>
      <c r="H25" s="18">
        <v>283752</v>
      </c>
      <c r="I25" s="18">
        <v>138351</v>
      </c>
      <c r="J25" s="18">
        <v>145401</v>
      </c>
      <c r="K25" s="19">
        <v>122302</v>
      </c>
    </row>
    <row r="26" spans="1:11" ht="9.75" customHeight="1" x14ac:dyDescent="0.15">
      <c r="A26" s="27"/>
      <c r="B26" s="28" t="s">
        <v>29</v>
      </c>
      <c r="C26" s="5"/>
      <c r="D26" s="18">
        <v>120051</v>
      </c>
      <c r="E26" s="18">
        <v>58460</v>
      </c>
      <c r="F26" s="18">
        <v>61591</v>
      </c>
      <c r="G26" s="18">
        <v>52639</v>
      </c>
      <c r="H26" s="18">
        <v>119872</v>
      </c>
      <c r="I26" s="18">
        <v>58364</v>
      </c>
      <c r="J26" s="18">
        <v>61508</v>
      </c>
      <c r="K26" s="19">
        <v>52519</v>
      </c>
    </row>
    <row r="27" spans="1:11" ht="9.75" customHeight="1" x14ac:dyDescent="0.15">
      <c r="A27" s="27"/>
      <c r="B27" s="28" t="s">
        <v>30</v>
      </c>
      <c r="C27" s="5"/>
      <c r="D27" s="18">
        <v>152339</v>
      </c>
      <c r="E27" s="18">
        <v>73901</v>
      </c>
      <c r="F27" s="18">
        <v>78438</v>
      </c>
      <c r="G27" s="18">
        <v>62972</v>
      </c>
      <c r="H27" s="18">
        <v>152183</v>
      </c>
      <c r="I27" s="18">
        <v>73817</v>
      </c>
      <c r="J27" s="18">
        <v>78366</v>
      </c>
      <c r="K27" s="19">
        <v>62928</v>
      </c>
    </row>
    <row r="28" spans="1:11" ht="9.75" customHeight="1" x14ac:dyDescent="0.15">
      <c r="A28" s="27"/>
      <c r="B28" s="28" t="s">
        <v>31</v>
      </c>
      <c r="C28" s="5"/>
      <c r="D28" s="18">
        <v>122480</v>
      </c>
      <c r="E28" s="18">
        <v>59278</v>
      </c>
      <c r="F28" s="18">
        <v>63202</v>
      </c>
      <c r="G28" s="18">
        <v>52443</v>
      </c>
      <c r="H28" s="18">
        <v>122398</v>
      </c>
      <c r="I28" s="18">
        <v>59229</v>
      </c>
      <c r="J28" s="18">
        <v>63169</v>
      </c>
      <c r="K28" s="19">
        <v>52446</v>
      </c>
    </row>
    <row r="29" spans="1:11" ht="3.75" customHeight="1" x14ac:dyDescent="0.15">
      <c r="A29" s="27"/>
      <c r="B29" s="28"/>
      <c r="C29" s="5"/>
      <c r="D29" s="18"/>
      <c r="E29" s="18"/>
      <c r="F29" s="18"/>
      <c r="G29" s="18"/>
      <c r="H29" s="18"/>
      <c r="I29" s="18"/>
      <c r="J29" s="18"/>
      <c r="K29" s="19"/>
    </row>
    <row r="30" spans="1:11" ht="9.75" customHeight="1" x14ac:dyDescent="0.15">
      <c r="A30" s="32" t="s">
        <v>32</v>
      </c>
      <c r="B30" s="33"/>
      <c r="C30" s="20"/>
      <c r="D30" s="21">
        <v>1538133</v>
      </c>
      <c r="E30" s="21">
        <v>775501</v>
      </c>
      <c r="F30" s="21">
        <v>762632</v>
      </c>
      <c r="G30" s="21">
        <v>747778</v>
      </c>
      <c r="H30" s="21">
        <v>1537710</v>
      </c>
      <c r="I30" s="21">
        <v>775270</v>
      </c>
      <c r="J30" s="21">
        <v>762440</v>
      </c>
      <c r="K30" s="22">
        <v>747833</v>
      </c>
    </row>
    <row r="31" spans="1:11" ht="9.75" customHeight="1" x14ac:dyDescent="0.15">
      <c r="A31" s="27"/>
      <c r="B31" s="28" t="s">
        <v>33</v>
      </c>
      <c r="C31" s="5"/>
      <c r="D31" s="18">
        <v>232470</v>
      </c>
      <c r="E31" s="18">
        <v>124765</v>
      </c>
      <c r="F31" s="18">
        <v>107705</v>
      </c>
      <c r="G31" s="18">
        <v>123359</v>
      </c>
      <c r="H31" s="18">
        <v>232329</v>
      </c>
      <c r="I31" s="18">
        <v>124734</v>
      </c>
      <c r="J31" s="18">
        <v>107595</v>
      </c>
      <c r="K31" s="19">
        <v>123362</v>
      </c>
    </row>
    <row r="32" spans="1:11" ht="9.75" customHeight="1" x14ac:dyDescent="0.15">
      <c r="A32" s="27"/>
      <c r="B32" s="28" t="s">
        <v>34</v>
      </c>
      <c r="C32" s="5"/>
      <c r="D32" s="18">
        <v>171136</v>
      </c>
      <c r="E32" s="18">
        <v>86700</v>
      </c>
      <c r="F32" s="18">
        <v>84436</v>
      </c>
      <c r="G32" s="18">
        <v>80106</v>
      </c>
      <c r="H32" s="18">
        <v>170951</v>
      </c>
      <c r="I32" s="18">
        <v>86590</v>
      </c>
      <c r="J32" s="18">
        <v>84361</v>
      </c>
      <c r="K32" s="19">
        <v>80006</v>
      </c>
    </row>
    <row r="33" spans="1:11" ht="9.75" customHeight="1" x14ac:dyDescent="0.15">
      <c r="A33" s="27"/>
      <c r="B33" s="28" t="s">
        <v>35</v>
      </c>
      <c r="C33" s="5"/>
      <c r="D33" s="18">
        <v>263917</v>
      </c>
      <c r="E33" s="18">
        <v>133853</v>
      </c>
      <c r="F33" s="18">
        <v>130064</v>
      </c>
      <c r="G33" s="18">
        <v>134766</v>
      </c>
      <c r="H33" s="18">
        <v>263955</v>
      </c>
      <c r="I33" s="18">
        <v>133832</v>
      </c>
      <c r="J33" s="18">
        <v>130123</v>
      </c>
      <c r="K33" s="19">
        <v>134756</v>
      </c>
    </row>
    <row r="34" spans="1:11" ht="9.75" customHeight="1" x14ac:dyDescent="0.15">
      <c r="A34" s="27"/>
      <c r="B34" s="28" t="s">
        <v>36</v>
      </c>
      <c r="C34" s="5"/>
      <c r="D34" s="18">
        <v>234249</v>
      </c>
      <c r="E34" s="18">
        <v>116283</v>
      </c>
      <c r="F34" s="18">
        <v>117966</v>
      </c>
      <c r="G34" s="18">
        <v>113834</v>
      </c>
      <c r="H34" s="18">
        <v>234178</v>
      </c>
      <c r="I34" s="18">
        <v>116225</v>
      </c>
      <c r="J34" s="18">
        <v>117953</v>
      </c>
      <c r="K34" s="19">
        <v>113850</v>
      </c>
    </row>
    <row r="35" spans="1:11" ht="9.75" customHeight="1" x14ac:dyDescent="0.15">
      <c r="A35" s="27"/>
      <c r="B35" s="28" t="s">
        <v>37</v>
      </c>
      <c r="C35" s="5"/>
      <c r="D35" s="18">
        <v>233782</v>
      </c>
      <c r="E35" s="18">
        <v>113404</v>
      </c>
      <c r="F35" s="18">
        <v>120378</v>
      </c>
      <c r="G35" s="18">
        <v>102417</v>
      </c>
      <c r="H35" s="18">
        <v>233755</v>
      </c>
      <c r="I35" s="18">
        <v>113426</v>
      </c>
      <c r="J35" s="18">
        <v>120329</v>
      </c>
      <c r="K35" s="19">
        <v>102475</v>
      </c>
    </row>
    <row r="36" spans="1:11" ht="9.75" customHeight="1" x14ac:dyDescent="0.15">
      <c r="A36" s="27"/>
      <c r="B36" s="28" t="s">
        <v>38</v>
      </c>
      <c r="C36" s="5"/>
      <c r="D36" s="18">
        <v>221722</v>
      </c>
      <c r="E36" s="18">
        <v>112998</v>
      </c>
      <c r="F36" s="18">
        <v>108724</v>
      </c>
      <c r="G36" s="18">
        <v>113692</v>
      </c>
      <c r="H36" s="18">
        <v>221688</v>
      </c>
      <c r="I36" s="18">
        <v>113005</v>
      </c>
      <c r="J36" s="18">
        <v>108683</v>
      </c>
      <c r="K36" s="19">
        <v>113757</v>
      </c>
    </row>
    <row r="37" spans="1:11" ht="9.75" customHeight="1" x14ac:dyDescent="0.15">
      <c r="A37" s="27"/>
      <c r="B37" s="28" t="s">
        <v>39</v>
      </c>
      <c r="C37" s="5"/>
      <c r="D37" s="18">
        <v>180857</v>
      </c>
      <c r="E37" s="18">
        <v>87498</v>
      </c>
      <c r="F37" s="18">
        <v>93359</v>
      </c>
      <c r="G37" s="18">
        <v>79604</v>
      </c>
      <c r="H37" s="18">
        <v>180854</v>
      </c>
      <c r="I37" s="18">
        <v>87458</v>
      </c>
      <c r="J37" s="18">
        <v>93396</v>
      </c>
      <c r="K37" s="19">
        <v>79627</v>
      </c>
    </row>
    <row r="38" spans="1:11" ht="3.75" customHeight="1" x14ac:dyDescent="0.15">
      <c r="A38" s="27"/>
      <c r="B38" s="28"/>
      <c r="C38" s="5"/>
      <c r="D38" s="18"/>
      <c r="E38" s="18"/>
      <c r="F38" s="18"/>
      <c r="G38" s="18"/>
      <c r="H38" s="18"/>
      <c r="I38" s="18"/>
      <c r="J38" s="18"/>
      <c r="K38" s="19"/>
    </row>
    <row r="39" spans="1:11" ht="9.75" customHeight="1" x14ac:dyDescent="0.15">
      <c r="A39" s="32" t="s">
        <v>40</v>
      </c>
      <c r="B39" s="33"/>
      <c r="C39" s="20"/>
      <c r="D39" s="21">
        <v>725514</v>
      </c>
      <c r="E39" s="21">
        <v>362179</v>
      </c>
      <c r="F39" s="21">
        <v>363335</v>
      </c>
      <c r="G39" s="21">
        <v>333481</v>
      </c>
      <c r="H39" s="21">
        <v>725138</v>
      </c>
      <c r="I39" s="21">
        <v>361894</v>
      </c>
      <c r="J39" s="21">
        <v>363244</v>
      </c>
      <c r="K39" s="22">
        <v>333546</v>
      </c>
    </row>
    <row r="40" spans="1:11" ht="9.75" customHeight="1" x14ac:dyDescent="0.15">
      <c r="A40" s="27"/>
      <c r="B40" s="28" t="s">
        <v>25</v>
      </c>
      <c r="C40" s="5"/>
      <c r="D40" s="18">
        <v>170019</v>
      </c>
      <c r="E40" s="18">
        <v>85511</v>
      </c>
      <c r="F40" s="18">
        <v>84508</v>
      </c>
      <c r="G40" s="18">
        <v>75125</v>
      </c>
      <c r="H40" s="18">
        <v>169925</v>
      </c>
      <c r="I40" s="18">
        <v>85448</v>
      </c>
      <c r="J40" s="18">
        <v>84477</v>
      </c>
      <c r="K40" s="19">
        <v>75137</v>
      </c>
    </row>
    <row r="41" spans="1:11" ht="9.75" customHeight="1" x14ac:dyDescent="0.15">
      <c r="A41" s="27"/>
      <c r="B41" s="28" t="s">
        <v>41</v>
      </c>
      <c r="C41" s="5"/>
      <c r="D41" s="18">
        <v>273992</v>
      </c>
      <c r="E41" s="18">
        <v>137195</v>
      </c>
      <c r="F41" s="18">
        <v>136797</v>
      </c>
      <c r="G41" s="18">
        <v>125155</v>
      </c>
      <c r="H41" s="18">
        <v>273938</v>
      </c>
      <c r="I41" s="18">
        <v>137137</v>
      </c>
      <c r="J41" s="18">
        <v>136801</v>
      </c>
      <c r="K41" s="19">
        <v>125247</v>
      </c>
    </row>
    <row r="42" spans="1:11" ht="9.75" customHeight="1" x14ac:dyDescent="0.15">
      <c r="A42" s="27"/>
      <c r="B42" s="28" t="s">
        <v>18</v>
      </c>
      <c r="C42" s="5"/>
      <c r="D42" s="18">
        <v>281503</v>
      </c>
      <c r="E42" s="18">
        <v>139473</v>
      </c>
      <c r="F42" s="18">
        <v>142030</v>
      </c>
      <c r="G42" s="18">
        <v>133201</v>
      </c>
      <c r="H42" s="18">
        <v>281275</v>
      </c>
      <c r="I42" s="18">
        <v>139309</v>
      </c>
      <c r="J42" s="18">
        <v>141966</v>
      </c>
      <c r="K42" s="19">
        <v>133162</v>
      </c>
    </row>
    <row r="43" spans="1:11" ht="3.75" customHeight="1" x14ac:dyDescent="0.15">
      <c r="A43" s="27"/>
      <c r="B43" s="28"/>
      <c r="C43" s="5"/>
      <c r="D43" s="18"/>
      <c r="E43" s="18"/>
      <c r="F43" s="18"/>
      <c r="G43" s="18"/>
      <c r="H43" s="18"/>
      <c r="I43" s="18"/>
      <c r="J43" s="18"/>
      <c r="K43" s="19"/>
    </row>
    <row r="44" spans="1:11" ht="9.75" customHeight="1" x14ac:dyDescent="0.15">
      <c r="A44" s="34" t="s">
        <v>42</v>
      </c>
      <c r="B44" s="35"/>
      <c r="C44" s="5"/>
      <c r="D44" s="18">
        <v>387289</v>
      </c>
      <c r="E44" s="18">
        <v>193200</v>
      </c>
      <c r="F44" s="18">
        <v>194089</v>
      </c>
      <c r="G44" s="18">
        <v>165410</v>
      </c>
      <c r="H44" s="18">
        <v>386742</v>
      </c>
      <c r="I44" s="18">
        <v>192858</v>
      </c>
      <c r="J44" s="18">
        <v>193884</v>
      </c>
      <c r="K44" s="19">
        <v>165341</v>
      </c>
    </row>
    <row r="45" spans="1:11" ht="9.75" customHeight="1" x14ac:dyDescent="0.15">
      <c r="A45" s="34" t="s">
        <v>43</v>
      </c>
      <c r="B45" s="35"/>
      <c r="C45" s="5"/>
      <c r="D45" s="18">
        <v>258298</v>
      </c>
      <c r="E45" s="18">
        <v>128965</v>
      </c>
      <c r="F45" s="18">
        <v>129333</v>
      </c>
      <c r="G45" s="18">
        <v>112358</v>
      </c>
      <c r="H45" s="18">
        <v>258173</v>
      </c>
      <c r="I45" s="18">
        <v>128864</v>
      </c>
      <c r="J45" s="18">
        <v>129309</v>
      </c>
      <c r="K45" s="19">
        <v>112419</v>
      </c>
    </row>
    <row r="46" spans="1:11" ht="9.75" customHeight="1" x14ac:dyDescent="0.15">
      <c r="A46" s="34" t="s">
        <v>44</v>
      </c>
      <c r="B46" s="35"/>
      <c r="C46" s="5"/>
      <c r="D46" s="18">
        <v>172700</v>
      </c>
      <c r="E46" s="18">
        <v>81101</v>
      </c>
      <c r="F46" s="18">
        <v>91599</v>
      </c>
      <c r="G46" s="18">
        <v>75824</v>
      </c>
      <c r="H46" s="18">
        <v>172720</v>
      </c>
      <c r="I46" s="18">
        <v>81109</v>
      </c>
      <c r="J46" s="18">
        <v>91611</v>
      </c>
      <c r="K46" s="19">
        <v>75835</v>
      </c>
    </row>
    <row r="47" spans="1:11" ht="9.75" customHeight="1" x14ac:dyDescent="0.15">
      <c r="A47" s="34" t="s">
        <v>45</v>
      </c>
      <c r="B47" s="35"/>
      <c r="C47" s="5"/>
      <c r="D47" s="18">
        <v>438071</v>
      </c>
      <c r="E47" s="18">
        <v>216140</v>
      </c>
      <c r="F47" s="18">
        <v>221931</v>
      </c>
      <c r="G47" s="18">
        <v>194148</v>
      </c>
      <c r="H47" s="18">
        <v>438101</v>
      </c>
      <c r="I47" s="18">
        <v>216138</v>
      </c>
      <c r="J47" s="18">
        <v>221963</v>
      </c>
      <c r="K47" s="19">
        <v>194253</v>
      </c>
    </row>
    <row r="48" spans="1:11" ht="9.75" customHeight="1" x14ac:dyDescent="0.15">
      <c r="A48" s="34" t="s">
        <v>46</v>
      </c>
      <c r="B48" s="35"/>
      <c r="C48" s="5"/>
      <c r="D48" s="18">
        <v>188709</v>
      </c>
      <c r="E48" s="18">
        <v>91210</v>
      </c>
      <c r="F48" s="18">
        <v>97499</v>
      </c>
      <c r="G48" s="18">
        <v>82028</v>
      </c>
      <c r="H48" s="18">
        <v>188629</v>
      </c>
      <c r="I48" s="18">
        <v>91176</v>
      </c>
      <c r="J48" s="18">
        <v>97453</v>
      </c>
      <c r="K48" s="19">
        <v>82058</v>
      </c>
    </row>
    <row r="49" spans="1:11" ht="9.75" customHeight="1" x14ac:dyDescent="0.15">
      <c r="A49" s="34" t="s">
        <v>47</v>
      </c>
      <c r="B49" s="35"/>
      <c r="C49" s="5"/>
      <c r="D49" s="18">
        <v>242470</v>
      </c>
      <c r="E49" s="18">
        <v>117594</v>
      </c>
      <c r="F49" s="18">
        <v>124876</v>
      </c>
      <c r="G49" s="18">
        <v>102768</v>
      </c>
      <c r="H49" s="18">
        <v>242336</v>
      </c>
      <c r="I49" s="18">
        <v>117544</v>
      </c>
      <c r="J49" s="18">
        <v>124792</v>
      </c>
      <c r="K49" s="19">
        <v>102761</v>
      </c>
    </row>
    <row r="50" spans="1:11" ht="9.75" customHeight="1" x14ac:dyDescent="0.15">
      <c r="A50" s="34" t="s">
        <v>48</v>
      </c>
      <c r="B50" s="35"/>
      <c r="C50" s="5"/>
      <c r="D50" s="18">
        <v>57076</v>
      </c>
      <c r="E50" s="18">
        <v>26733</v>
      </c>
      <c r="F50" s="18">
        <v>30343</v>
      </c>
      <c r="G50" s="18">
        <v>24913</v>
      </c>
      <c r="H50" s="18">
        <v>57053</v>
      </c>
      <c r="I50" s="18">
        <v>26735</v>
      </c>
      <c r="J50" s="18">
        <v>30318</v>
      </c>
      <c r="K50" s="19">
        <v>24929</v>
      </c>
    </row>
    <row r="51" spans="1:11" ht="9.75" customHeight="1" x14ac:dyDescent="0.15">
      <c r="A51" s="34" t="s">
        <v>49</v>
      </c>
      <c r="B51" s="35"/>
      <c r="C51" s="5"/>
      <c r="D51" s="18">
        <v>41988</v>
      </c>
      <c r="E51" s="18">
        <v>20110</v>
      </c>
      <c r="F51" s="18">
        <v>21878</v>
      </c>
      <c r="G51" s="18">
        <v>17226</v>
      </c>
      <c r="H51" s="18">
        <v>41941</v>
      </c>
      <c r="I51" s="18">
        <v>20081</v>
      </c>
      <c r="J51" s="18">
        <v>21860</v>
      </c>
      <c r="K51" s="19">
        <v>17233</v>
      </c>
    </row>
    <row r="52" spans="1:11" ht="9.75" customHeight="1" x14ac:dyDescent="0.15">
      <c r="A52" s="34" t="s">
        <v>50</v>
      </c>
      <c r="B52" s="35"/>
      <c r="C52" s="5"/>
      <c r="D52" s="18">
        <v>162379</v>
      </c>
      <c r="E52" s="18">
        <v>82103</v>
      </c>
      <c r="F52" s="18">
        <v>80276</v>
      </c>
      <c r="G52" s="18">
        <v>70521</v>
      </c>
      <c r="H52" s="18">
        <v>162261</v>
      </c>
      <c r="I52" s="18">
        <v>82031</v>
      </c>
      <c r="J52" s="18">
        <v>80230</v>
      </c>
      <c r="K52" s="19">
        <v>70361</v>
      </c>
    </row>
    <row r="53" spans="1:11" ht="9.75" customHeight="1" x14ac:dyDescent="0.15">
      <c r="A53" s="34" t="s">
        <v>51</v>
      </c>
      <c r="B53" s="35"/>
      <c r="C53" s="5"/>
      <c r="D53" s="18">
        <v>223830</v>
      </c>
      <c r="E53" s="18">
        <v>115376</v>
      </c>
      <c r="F53" s="18">
        <v>108454</v>
      </c>
      <c r="G53" s="18">
        <v>100548</v>
      </c>
      <c r="H53" s="18">
        <v>223733</v>
      </c>
      <c r="I53" s="18">
        <v>115346</v>
      </c>
      <c r="J53" s="18">
        <v>108387</v>
      </c>
      <c r="K53" s="19">
        <v>100565</v>
      </c>
    </row>
    <row r="54" spans="1:11" ht="9.75" customHeight="1" x14ac:dyDescent="0.15">
      <c r="A54" s="34" t="s">
        <v>52</v>
      </c>
      <c r="B54" s="35"/>
      <c r="C54" s="5"/>
      <c r="D54" s="18">
        <v>239644</v>
      </c>
      <c r="E54" s="18">
        <v>119764</v>
      </c>
      <c r="F54" s="18">
        <v>119880</v>
      </c>
      <c r="G54" s="18">
        <v>110906</v>
      </c>
      <c r="H54" s="18">
        <v>239632</v>
      </c>
      <c r="I54" s="18">
        <v>119760</v>
      </c>
      <c r="J54" s="18">
        <v>119872</v>
      </c>
      <c r="K54" s="19">
        <v>110987</v>
      </c>
    </row>
    <row r="55" spans="1:11" ht="9.75" customHeight="1" x14ac:dyDescent="0.15">
      <c r="A55" s="34" t="s">
        <v>53</v>
      </c>
      <c r="B55" s="35"/>
      <c r="C55" s="5"/>
      <c r="D55" s="18">
        <v>101531</v>
      </c>
      <c r="E55" s="18">
        <v>51344</v>
      </c>
      <c r="F55" s="18">
        <v>50187</v>
      </c>
      <c r="G55" s="18">
        <v>45272</v>
      </c>
      <c r="H55" s="18">
        <v>101432</v>
      </c>
      <c r="I55" s="18">
        <v>51308</v>
      </c>
      <c r="J55" s="18">
        <v>50124</v>
      </c>
      <c r="K55" s="19">
        <v>45268</v>
      </c>
    </row>
    <row r="56" spans="1:11" ht="9.75" customHeight="1" x14ac:dyDescent="0.15">
      <c r="A56" s="34" t="s">
        <v>54</v>
      </c>
      <c r="B56" s="35"/>
      <c r="C56" s="5"/>
      <c r="D56" s="18">
        <v>136699</v>
      </c>
      <c r="E56" s="18">
        <v>68655</v>
      </c>
      <c r="F56" s="18">
        <v>68044</v>
      </c>
      <c r="G56" s="18">
        <v>58503</v>
      </c>
      <c r="H56" s="18">
        <v>136599</v>
      </c>
      <c r="I56" s="18">
        <v>68624</v>
      </c>
      <c r="J56" s="18">
        <v>67975</v>
      </c>
      <c r="K56" s="19">
        <v>58505</v>
      </c>
    </row>
    <row r="57" spans="1:11" ht="9.75" customHeight="1" x14ac:dyDescent="0.15">
      <c r="A57" s="34" t="s">
        <v>55</v>
      </c>
      <c r="B57" s="35"/>
      <c r="C57" s="5"/>
      <c r="D57" s="18">
        <v>132395</v>
      </c>
      <c r="E57" s="18">
        <v>66036</v>
      </c>
      <c r="F57" s="18">
        <v>66359</v>
      </c>
      <c r="G57" s="18">
        <v>60360</v>
      </c>
      <c r="H57" s="18">
        <v>132327</v>
      </c>
      <c r="I57" s="18">
        <v>65973</v>
      </c>
      <c r="J57" s="18">
        <v>66354</v>
      </c>
      <c r="K57" s="19">
        <v>60328</v>
      </c>
    </row>
    <row r="58" spans="1:11" ht="9.75" customHeight="1" x14ac:dyDescent="0.15">
      <c r="A58" s="34" t="s">
        <v>56</v>
      </c>
      <c r="B58" s="35"/>
      <c r="C58" s="5"/>
      <c r="D58" s="18">
        <v>40731</v>
      </c>
      <c r="E58" s="18">
        <v>19944</v>
      </c>
      <c r="F58" s="18">
        <v>20787</v>
      </c>
      <c r="G58" s="18">
        <v>16294</v>
      </c>
      <c r="H58" s="18">
        <v>40681</v>
      </c>
      <c r="I58" s="18">
        <v>19915</v>
      </c>
      <c r="J58" s="18">
        <v>20766</v>
      </c>
      <c r="K58" s="19">
        <v>16291</v>
      </c>
    </row>
    <row r="59" spans="1:11" ht="9.75" customHeight="1" x14ac:dyDescent="0.15">
      <c r="A59" s="34" t="s">
        <v>57</v>
      </c>
      <c r="B59" s="35"/>
      <c r="C59" s="5"/>
      <c r="D59" s="18">
        <v>83745</v>
      </c>
      <c r="E59" s="18">
        <v>42492</v>
      </c>
      <c r="F59" s="18">
        <v>41253</v>
      </c>
      <c r="G59" s="18">
        <v>34832</v>
      </c>
      <c r="H59" s="18">
        <v>83701</v>
      </c>
      <c r="I59" s="18">
        <v>42485</v>
      </c>
      <c r="J59" s="18">
        <v>41216</v>
      </c>
      <c r="K59" s="19">
        <v>34853</v>
      </c>
    </row>
    <row r="60" spans="1:11" ht="3.75" customHeight="1" x14ac:dyDescent="0.15">
      <c r="A60" s="27"/>
      <c r="B60" s="28"/>
      <c r="C60" s="5"/>
      <c r="D60" s="18"/>
      <c r="E60" s="18"/>
      <c r="F60" s="18"/>
      <c r="G60" s="18"/>
      <c r="H60" s="18"/>
      <c r="I60" s="18"/>
      <c r="J60" s="18"/>
      <c r="K60" s="19"/>
    </row>
    <row r="61" spans="1:11" ht="9.75" customHeight="1" x14ac:dyDescent="0.15">
      <c r="A61" s="34" t="s">
        <v>58</v>
      </c>
      <c r="B61" s="35"/>
      <c r="C61" s="5"/>
      <c r="D61" s="18">
        <v>31705</v>
      </c>
      <c r="E61" s="18">
        <v>14922</v>
      </c>
      <c r="F61" s="18">
        <v>16783</v>
      </c>
      <c r="G61" s="18">
        <v>12987</v>
      </c>
      <c r="H61" s="18">
        <v>31681</v>
      </c>
      <c r="I61" s="18">
        <v>14909</v>
      </c>
      <c r="J61" s="18">
        <v>16772</v>
      </c>
      <c r="K61" s="19">
        <v>12992</v>
      </c>
    </row>
    <row r="62" spans="1:11" ht="3.75" customHeight="1" x14ac:dyDescent="0.15">
      <c r="A62" s="27"/>
      <c r="B62" s="28"/>
      <c r="C62" s="5"/>
      <c r="D62" s="18"/>
      <c r="E62" s="18"/>
      <c r="F62" s="18"/>
      <c r="G62" s="18"/>
      <c r="H62" s="18"/>
      <c r="I62" s="18"/>
      <c r="J62" s="18"/>
      <c r="K62" s="19"/>
    </row>
    <row r="63" spans="1:11" ht="9.75" customHeight="1" x14ac:dyDescent="0.15">
      <c r="A63" s="34" t="s">
        <v>59</v>
      </c>
      <c r="B63" s="35"/>
      <c r="C63" s="5"/>
      <c r="D63" s="18">
        <v>48438</v>
      </c>
      <c r="E63" s="18">
        <v>24491</v>
      </c>
      <c r="F63" s="18">
        <v>23947</v>
      </c>
      <c r="G63" s="18">
        <v>19939</v>
      </c>
      <c r="H63" s="18">
        <v>48420</v>
      </c>
      <c r="I63" s="18">
        <v>24488</v>
      </c>
      <c r="J63" s="18">
        <v>23932</v>
      </c>
      <c r="K63" s="19">
        <v>19960</v>
      </c>
    </row>
    <row r="64" spans="1:11" ht="3.75" customHeight="1" x14ac:dyDescent="0.15">
      <c r="A64" s="27"/>
      <c r="B64" s="28"/>
      <c r="C64" s="5"/>
      <c r="D64" s="18"/>
      <c r="E64" s="18"/>
      <c r="F64" s="18"/>
      <c r="G64" s="18"/>
      <c r="H64" s="18"/>
      <c r="I64" s="18"/>
      <c r="J64" s="18"/>
      <c r="K64" s="19"/>
    </row>
    <row r="65" spans="1:11" ht="9.75" customHeight="1" x14ac:dyDescent="0.15">
      <c r="A65" s="32" t="s">
        <v>60</v>
      </c>
      <c r="B65" s="33"/>
      <c r="C65" s="20"/>
      <c r="D65" s="21">
        <v>59215</v>
      </c>
      <c r="E65" s="21">
        <v>28672</v>
      </c>
      <c r="F65" s="21">
        <v>30543</v>
      </c>
      <c r="G65" s="21">
        <v>24289</v>
      </c>
      <c r="H65" s="21">
        <v>59185</v>
      </c>
      <c r="I65" s="21">
        <v>28652</v>
      </c>
      <c r="J65" s="21">
        <v>30533</v>
      </c>
      <c r="K65" s="22">
        <v>24303</v>
      </c>
    </row>
    <row r="66" spans="1:11" ht="9.75" customHeight="1" x14ac:dyDescent="0.15">
      <c r="A66" s="27"/>
      <c r="B66" s="28" t="s">
        <v>61</v>
      </c>
      <c r="C66" s="5"/>
      <c r="D66" s="18">
        <v>31708</v>
      </c>
      <c r="E66" s="18">
        <v>15441</v>
      </c>
      <c r="F66" s="18">
        <v>16267</v>
      </c>
      <c r="G66" s="18">
        <v>12747</v>
      </c>
      <c r="H66" s="18">
        <v>31684</v>
      </c>
      <c r="I66" s="18">
        <v>15422</v>
      </c>
      <c r="J66" s="18">
        <v>16262</v>
      </c>
      <c r="K66" s="19">
        <v>12751</v>
      </c>
    </row>
    <row r="67" spans="1:11" ht="9.75" customHeight="1" x14ac:dyDescent="0.15">
      <c r="A67" s="27"/>
      <c r="B67" s="28" t="s">
        <v>62</v>
      </c>
      <c r="C67" s="5"/>
      <c r="D67" s="18">
        <v>27507</v>
      </c>
      <c r="E67" s="18">
        <v>13231</v>
      </c>
      <c r="F67" s="18">
        <v>14276</v>
      </c>
      <c r="G67" s="18">
        <v>11542</v>
      </c>
      <c r="H67" s="18">
        <v>27501</v>
      </c>
      <c r="I67" s="18">
        <v>13230</v>
      </c>
      <c r="J67" s="18">
        <v>14271</v>
      </c>
      <c r="K67" s="19">
        <v>11552</v>
      </c>
    </row>
    <row r="68" spans="1:11" ht="3.75" customHeight="1" x14ac:dyDescent="0.15">
      <c r="A68" s="27"/>
      <c r="B68" s="28"/>
      <c r="C68" s="5"/>
      <c r="D68" s="18"/>
      <c r="E68" s="18"/>
      <c r="F68" s="18"/>
      <c r="G68" s="18"/>
      <c r="H68" s="18"/>
      <c r="I68" s="18"/>
      <c r="J68" s="18"/>
      <c r="K68" s="19"/>
    </row>
    <row r="69" spans="1:11" ht="9.75" customHeight="1" x14ac:dyDescent="0.15">
      <c r="A69" s="32" t="s">
        <v>63</v>
      </c>
      <c r="B69" s="33"/>
      <c r="C69" s="20"/>
      <c r="D69" s="21">
        <v>65344</v>
      </c>
      <c r="E69" s="21">
        <v>32222</v>
      </c>
      <c r="F69" s="21">
        <v>33122</v>
      </c>
      <c r="G69" s="21">
        <v>25652</v>
      </c>
      <c r="H69" s="21">
        <v>65314</v>
      </c>
      <c r="I69" s="21">
        <v>32221</v>
      </c>
      <c r="J69" s="21">
        <v>33093</v>
      </c>
      <c r="K69" s="22">
        <v>25642</v>
      </c>
    </row>
    <row r="70" spans="1:11" ht="9.75" customHeight="1" x14ac:dyDescent="0.15">
      <c r="A70" s="27"/>
      <c r="B70" s="28" t="s">
        <v>64</v>
      </c>
      <c r="C70" s="5"/>
      <c r="D70" s="18">
        <v>9263</v>
      </c>
      <c r="E70" s="18">
        <v>4647</v>
      </c>
      <c r="F70" s="18">
        <v>4616</v>
      </c>
      <c r="G70" s="18">
        <v>3425</v>
      </c>
      <c r="H70" s="18">
        <v>9249</v>
      </c>
      <c r="I70" s="18">
        <v>4636</v>
      </c>
      <c r="J70" s="18">
        <v>4613</v>
      </c>
      <c r="K70" s="19">
        <v>3423</v>
      </c>
    </row>
    <row r="71" spans="1:11" ht="9.75" customHeight="1" x14ac:dyDescent="0.15">
      <c r="A71" s="27"/>
      <c r="B71" s="28" t="s">
        <v>65</v>
      </c>
      <c r="C71" s="5"/>
      <c r="D71" s="18">
        <v>17161</v>
      </c>
      <c r="E71" s="18">
        <v>8454</v>
      </c>
      <c r="F71" s="18">
        <v>8707</v>
      </c>
      <c r="G71" s="18">
        <v>6740</v>
      </c>
      <c r="H71" s="18">
        <v>17164</v>
      </c>
      <c r="I71" s="18">
        <v>8464</v>
      </c>
      <c r="J71" s="18">
        <v>8700</v>
      </c>
      <c r="K71" s="19">
        <v>6742</v>
      </c>
    </row>
    <row r="72" spans="1:11" ht="9.75" customHeight="1" x14ac:dyDescent="0.15">
      <c r="A72" s="27"/>
      <c r="B72" s="28" t="s">
        <v>66</v>
      </c>
      <c r="C72" s="5"/>
      <c r="D72" s="18">
        <v>10789</v>
      </c>
      <c r="E72" s="18">
        <v>5351</v>
      </c>
      <c r="F72" s="18">
        <v>5438</v>
      </c>
      <c r="G72" s="18">
        <v>4584</v>
      </c>
      <c r="H72" s="18">
        <v>10751</v>
      </c>
      <c r="I72" s="18">
        <v>5343</v>
      </c>
      <c r="J72" s="18">
        <v>5408</v>
      </c>
      <c r="K72" s="19">
        <v>4558</v>
      </c>
    </row>
    <row r="73" spans="1:11" ht="9.75" customHeight="1" x14ac:dyDescent="0.15">
      <c r="A73" s="27"/>
      <c r="B73" s="28" t="s">
        <v>67</v>
      </c>
      <c r="C73" s="5"/>
      <c r="D73" s="18">
        <v>9733</v>
      </c>
      <c r="E73" s="18">
        <v>4820</v>
      </c>
      <c r="F73" s="18">
        <v>4913</v>
      </c>
      <c r="G73" s="18">
        <v>3939</v>
      </c>
      <c r="H73" s="18">
        <v>9727</v>
      </c>
      <c r="I73" s="18">
        <v>4823</v>
      </c>
      <c r="J73" s="18">
        <v>4904</v>
      </c>
      <c r="K73" s="19">
        <v>3943</v>
      </c>
    </row>
    <row r="74" spans="1:11" ht="9.75" customHeight="1" x14ac:dyDescent="0.15">
      <c r="A74" s="27"/>
      <c r="B74" s="28" t="s">
        <v>68</v>
      </c>
      <c r="C74" s="5"/>
      <c r="D74" s="18">
        <v>18398</v>
      </c>
      <c r="E74" s="18">
        <v>8950</v>
      </c>
      <c r="F74" s="18">
        <v>9448</v>
      </c>
      <c r="G74" s="18">
        <v>6964</v>
      </c>
      <c r="H74" s="18">
        <v>18423</v>
      </c>
      <c r="I74" s="18">
        <v>8955</v>
      </c>
      <c r="J74" s="18">
        <v>9468</v>
      </c>
      <c r="K74" s="19">
        <v>6976</v>
      </c>
    </row>
    <row r="75" spans="1:11" ht="3.75" customHeight="1" x14ac:dyDescent="0.15">
      <c r="A75" s="27"/>
      <c r="B75" s="28"/>
      <c r="C75" s="5"/>
      <c r="D75" s="18"/>
      <c r="E75" s="18"/>
      <c r="F75" s="18"/>
      <c r="G75" s="18"/>
      <c r="H75" s="18"/>
      <c r="I75" s="18"/>
      <c r="J75" s="18"/>
      <c r="K75" s="19"/>
    </row>
    <row r="76" spans="1:11" ht="9.75" customHeight="1" x14ac:dyDescent="0.15">
      <c r="A76" s="32" t="s">
        <v>69</v>
      </c>
      <c r="B76" s="33"/>
      <c r="C76" s="20"/>
      <c r="D76" s="21">
        <v>41335</v>
      </c>
      <c r="E76" s="21">
        <v>19405</v>
      </c>
      <c r="F76" s="21">
        <v>21930</v>
      </c>
      <c r="G76" s="21">
        <v>20014</v>
      </c>
      <c r="H76" s="21">
        <v>41283</v>
      </c>
      <c r="I76" s="21">
        <v>19394</v>
      </c>
      <c r="J76" s="21">
        <v>21889</v>
      </c>
      <c r="K76" s="22">
        <v>20004</v>
      </c>
    </row>
    <row r="77" spans="1:11" ht="9.75" customHeight="1" x14ac:dyDescent="0.15">
      <c r="A77" s="27"/>
      <c r="B77" s="28" t="s">
        <v>70</v>
      </c>
      <c r="C77" s="5"/>
      <c r="D77" s="18">
        <v>11245</v>
      </c>
      <c r="E77" s="18">
        <v>5418</v>
      </c>
      <c r="F77" s="18">
        <v>5827</v>
      </c>
      <c r="G77" s="18">
        <v>6326</v>
      </c>
      <c r="H77" s="18">
        <v>11239</v>
      </c>
      <c r="I77" s="18">
        <v>5429</v>
      </c>
      <c r="J77" s="18">
        <v>5810</v>
      </c>
      <c r="K77" s="19">
        <v>6329</v>
      </c>
    </row>
    <row r="78" spans="1:11" ht="9.75" customHeight="1" x14ac:dyDescent="0.15">
      <c r="A78" s="27"/>
      <c r="B78" s="28" t="s">
        <v>71</v>
      </c>
      <c r="C78" s="5"/>
      <c r="D78" s="18">
        <v>6707</v>
      </c>
      <c r="E78" s="18">
        <v>3122</v>
      </c>
      <c r="F78" s="18">
        <v>3585</v>
      </c>
      <c r="G78" s="18">
        <v>2958</v>
      </c>
      <c r="H78" s="18">
        <v>6696</v>
      </c>
      <c r="I78" s="18">
        <v>3114</v>
      </c>
      <c r="J78" s="18">
        <v>3582</v>
      </c>
      <c r="K78" s="19">
        <v>2955</v>
      </c>
    </row>
    <row r="79" spans="1:11" ht="9.75" customHeight="1" x14ac:dyDescent="0.15">
      <c r="A79" s="27"/>
      <c r="B79" s="28" t="s">
        <v>72</v>
      </c>
      <c r="C79" s="5"/>
      <c r="D79" s="18">
        <v>23383</v>
      </c>
      <c r="E79" s="18">
        <v>10865</v>
      </c>
      <c r="F79" s="18">
        <v>12518</v>
      </c>
      <c r="G79" s="18">
        <v>10730</v>
      </c>
      <c r="H79" s="18">
        <v>23348</v>
      </c>
      <c r="I79" s="18">
        <v>10851</v>
      </c>
      <c r="J79" s="18">
        <v>12497</v>
      </c>
      <c r="K79" s="19">
        <v>10720</v>
      </c>
    </row>
    <row r="80" spans="1:11" ht="3.75" customHeight="1" x14ac:dyDescent="0.15">
      <c r="A80" s="27"/>
      <c r="B80" s="28"/>
      <c r="C80" s="5"/>
      <c r="D80" s="18"/>
      <c r="E80" s="18"/>
      <c r="F80" s="18"/>
      <c r="G80" s="18"/>
      <c r="H80" s="18"/>
      <c r="I80" s="18"/>
      <c r="J80" s="18"/>
      <c r="K80" s="19"/>
    </row>
    <row r="81" spans="1:11" ht="9.75" customHeight="1" x14ac:dyDescent="0.15">
      <c r="A81" s="32" t="s">
        <v>73</v>
      </c>
      <c r="B81" s="33"/>
      <c r="C81" s="20"/>
      <c r="D81" s="21">
        <v>42812</v>
      </c>
      <c r="E81" s="21">
        <v>22375</v>
      </c>
      <c r="F81" s="21">
        <v>20437</v>
      </c>
      <c r="G81" s="21">
        <v>18217</v>
      </c>
      <c r="H81" s="21">
        <v>42759</v>
      </c>
      <c r="I81" s="21">
        <v>22353</v>
      </c>
      <c r="J81" s="21">
        <v>20406</v>
      </c>
      <c r="K81" s="22">
        <v>18220</v>
      </c>
    </row>
    <row r="82" spans="1:11" ht="9.75" customHeight="1" x14ac:dyDescent="0.15">
      <c r="A82" s="27"/>
      <c r="B82" s="28" t="s">
        <v>74</v>
      </c>
      <c r="C82" s="5"/>
      <c r="D82" s="18">
        <v>39779</v>
      </c>
      <c r="E82" s="18">
        <v>20827</v>
      </c>
      <c r="F82" s="18">
        <v>18952</v>
      </c>
      <c r="G82" s="18">
        <v>17092</v>
      </c>
      <c r="H82" s="18">
        <v>39730</v>
      </c>
      <c r="I82" s="18">
        <v>20809</v>
      </c>
      <c r="J82" s="18">
        <v>18921</v>
      </c>
      <c r="K82" s="19">
        <v>17096</v>
      </c>
    </row>
    <row r="83" spans="1:11" ht="9.75" customHeight="1" x14ac:dyDescent="0.15">
      <c r="A83" s="27"/>
      <c r="B83" s="28" t="s">
        <v>75</v>
      </c>
      <c r="C83" s="5"/>
      <c r="D83" s="18">
        <v>3033</v>
      </c>
      <c r="E83" s="18">
        <v>1548</v>
      </c>
      <c r="F83" s="18">
        <v>1485</v>
      </c>
      <c r="G83" s="18">
        <v>1125</v>
      </c>
      <c r="H83" s="18">
        <v>3029</v>
      </c>
      <c r="I83" s="18">
        <v>1544</v>
      </c>
      <c r="J83" s="18">
        <v>1485</v>
      </c>
      <c r="K83" s="19">
        <v>1124</v>
      </c>
    </row>
    <row r="84" spans="1:11" ht="3.75" customHeight="1" thickBot="1" x14ac:dyDescent="0.2">
      <c r="A84" s="23"/>
      <c r="B84" s="24"/>
      <c r="C84" s="24"/>
      <c r="D84" s="25"/>
      <c r="E84" s="25"/>
      <c r="F84" s="25"/>
      <c r="G84" s="25"/>
      <c r="H84" s="25"/>
      <c r="I84" s="25"/>
      <c r="J84" s="25"/>
      <c r="K84" s="26"/>
    </row>
    <row r="85" spans="1:11" ht="9.75" customHeight="1" x14ac:dyDescent="0.15"/>
  </sheetData>
  <mergeCells count="34">
    <mergeCell ref="A65:B65"/>
    <mergeCell ref="A69:B69"/>
    <mergeCell ref="A76:B76"/>
    <mergeCell ref="A81:B81"/>
    <mergeCell ref="A56:B56"/>
    <mergeCell ref="A57:B57"/>
    <mergeCell ref="A58:B58"/>
    <mergeCell ref="A59:B59"/>
    <mergeCell ref="A61:B61"/>
    <mergeCell ref="A63:B63"/>
    <mergeCell ref="A55:B55"/>
    <mergeCell ref="A44:B44"/>
    <mergeCell ref="A45:B45"/>
    <mergeCell ref="A46:B46"/>
    <mergeCell ref="A47:B47"/>
    <mergeCell ref="A48:B48"/>
    <mergeCell ref="A49:B49"/>
    <mergeCell ref="A50:B50"/>
    <mergeCell ref="A51:B51"/>
    <mergeCell ref="A52:B52"/>
    <mergeCell ref="A54:B54"/>
    <mergeCell ref="A39:B39"/>
    <mergeCell ref="A1:K1"/>
    <mergeCell ref="A2:C2"/>
    <mergeCell ref="I2:K2"/>
    <mergeCell ref="A3:C4"/>
    <mergeCell ref="D3:G3"/>
    <mergeCell ref="H3:K3"/>
    <mergeCell ref="A6:B6"/>
    <mergeCell ref="A7:B7"/>
    <mergeCell ref="A8:B8"/>
    <mergeCell ref="A10:B10"/>
    <mergeCell ref="A30:B30"/>
    <mergeCell ref="A53:B53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V85"/>
  <sheetViews>
    <sheetView view="pageBreakPreview" zoomScaleNormal="115" zoomScaleSheetLayoutView="100" workbookViewId="0">
      <selection sqref="A1:K1"/>
    </sheetView>
  </sheetViews>
  <sheetFormatPr defaultRowHeight="14.25" x14ac:dyDescent="0.15"/>
  <cols>
    <col min="1" max="1" width="1.75" style="29" customWidth="1"/>
    <col min="2" max="2" width="7.5" style="29" customWidth="1"/>
    <col min="3" max="3" width="1.25" style="29" customWidth="1"/>
    <col min="4" max="11" width="8.5" style="29" customWidth="1"/>
    <col min="12" max="18" width="6.875" style="29" customWidth="1"/>
  </cols>
  <sheetData>
    <row r="1" spans="1:22" ht="18.75" customHeight="1" x14ac:dyDescent="0.15">
      <c r="A1" s="36" t="s">
        <v>80</v>
      </c>
      <c r="B1" s="36"/>
      <c r="C1" s="36"/>
      <c r="D1" s="36"/>
      <c r="E1" s="36"/>
      <c r="F1" s="36"/>
      <c r="G1" s="36"/>
      <c r="H1" s="36"/>
      <c r="I1" s="36"/>
      <c r="J1" s="36"/>
      <c r="K1" s="36"/>
    </row>
    <row r="2" spans="1:22" ht="15" customHeight="1" thickBot="1" x14ac:dyDescent="0.2">
      <c r="A2" s="37" t="s">
        <v>1</v>
      </c>
      <c r="B2" s="37"/>
      <c r="C2" s="37"/>
      <c r="I2" s="38"/>
      <c r="J2" s="38"/>
      <c r="K2" s="38"/>
    </row>
    <row r="3" spans="1:22" ht="15" customHeight="1" x14ac:dyDescent="0.15">
      <c r="A3" s="39" t="s">
        <v>2</v>
      </c>
      <c r="B3" s="40"/>
      <c r="C3" s="40"/>
      <c r="D3" s="43" t="s">
        <v>79</v>
      </c>
      <c r="E3" s="40"/>
      <c r="F3" s="40"/>
      <c r="G3" s="44"/>
      <c r="H3" s="43" t="s">
        <v>78</v>
      </c>
      <c r="I3" s="40"/>
      <c r="J3" s="40"/>
      <c r="K3" s="45"/>
    </row>
    <row r="4" spans="1:22" ht="15" customHeight="1" x14ac:dyDescent="0.15">
      <c r="A4" s="41"/>
      <c r="B4" s="42"/>
      <c r="C4" s="42"/>
      <c r="D4" s="2" t="s">
        <v>3</v>
      </c>
      <c r="E4" s="2" t="s">
        <v>4</v>
      </c>
      <c r="F4" s="2" t="s">
        <v>5</v>
      </c>
      <c r="G4" s="2" t="s">
        <v>6</v>
      </c>
      <c r="H4" s="2" t="s">
        <v>7</v>
      </c>
      <c r="I4" s="2" t="s">
        <v>4</v>
      </c>
      <c r="J4" s="2" t="s">
        <v>5</v>
      </c>
      <c r="K4" s="3" t="s">
        <v>6</v>
      </c>
    </row>
    <row r="5" spans="1:22" ht="10.5" customHeight="1" x14ac:dyDescent="0.15">
      <c r="A5" s="4"/>
      <c r="B5" s="5"/>
      <c r="C5" s="5"/>
      <c r="D5" s="6" t="s">
        <v>8</v>
      </c>
      <c r="E5" s="6" t="s">
        <v>8</v>
      </c>
      <c r="F5" s="6" t="s">
        <v>8</v>
      </c>
      <c r="G5" s="6" t="s">
        <v>9</v>
      </c>
      <c r="H5" s="6" t="s">
        <v>8</v>
      </c>
      <c r="I5" s="6" t="s">
        <v>8</v>
      </c>
      <c r="J5" s="6" t="s">
        <v>8</v>
      </c>
      <c r="K5" s="7" t="s">
        <v>9</v>
      </c>
    </row>
    <row r="6" spans="1:22" ht="9.75" customHeight="1" x14ac:dyDescent="0.15">
      <c r="A6" s="46" t="s">
        <v>10</v>
      </c>
      <c r="B6" s="47"/>
      <c r="C6" s="8"/>
      <c r="D6" s="9">
        <v>9227745</v>
      </c>
      <c r="E6" s="9">
        <v>4582053</v>
      </c>
      <c r="F6" s="9">
        <v>4645692</v>
      </c>
      <c r="G6" s="9">
        <v>4229502</v>
      </c>
      <c r="H6" s="9">
        <v>9232623</v>
      </c>
      <c r="I6" s="9">
        <v>4583566</v>
      </c>
      <c r="J6" s="9">
        <v>4649057</v>
      </c>
      <c r="K6" s="10">
        <v>4250059</v>
      </c>
    </row>
    <row r="7" spans="1:22" s="14" customFormat="1" ht="9.75" customHeight="1" x14ac:dyDescent="0.15">
      <c r="A7" s="30" t="s">
        <v>11</v>
      </c>
      <c r="B7" s="31"/>
      <c r="C7" s="11"/>
      <c r="D7" s="12">
        <v>8939285</v>
      </c>
      <c r="E7" s="12">
        <v>4440114</v>
      </c>
      <c r="F7" s="12">
        <v>4499171</v>
      </c>
      <c r="G7" s="12">
        <v>4108335</v>
      </c>
      <c r="H7" s="12">
        <v>8944483</v>
      </c>
      <c r="I7" s="12">
        <v>4441848</v>
      </c>
      <c r="J7" s="12">
        <v>4502635</v>
      </c>
      <c r="K7" s="13">
        <v>4128670</v>
      </c>
      <c r="S7" s="15"/>
      <c r="T7" s="15"/>
      <c r="U7" s="15"/>
      <c r="V7" s="15"/>
    </row>
    <row r="8" spans="1:22" s="14" customFormat="1" ht="9.75" customHeight="1" x14ac:dyDescent="0.15">
      <c r="A8" s="30" t="s">
        <v>12</v>
      </c>
      <c r="B8" s="31"/>
      <c r="C8" s="11"/>
      <c r="D8" s="12">
        <v>288460</v>
      </c>
      <c r="E8" s="12">
        <v>141939</v>
      </c>
      <c r="F8" s="12">
        <v>146521</v>
      </c>
      <c r="G8" s="12">
        <v>121167</v>
      </c>
      <c r="H8" s="12">
        <v>288140</v>
      </c>
      <c r="I8" s="12">
        <v>141718</v>
      </c>
      <c r="J8" s="12">
        <v>146422</v>
      </c>
      <c r="K8" s="13">
        <v>121389</v>
      </c>
      <c r="S8" s="15"/>
      <c r="T8" s="15"/>
      <c r="U8" s="15"/>
      <c r="V8" s="15"/>
    </row>
    <row r="9" spans="1:22" ht="3.75" customHeight="1" x14ac:dyDescent="0.15">
      <c r="A9" s="27"/>
      <c r="B9" s="28"/>
      <c r="C9" s="5"/>
      <c r="D9" s="18"/>
      <c r="E9" s="18"/>
      <c r="F9" s="18"/>
      <c r="G9" s="18"/>
      <c r="H9" s="18"/>
      <c r="I9" s="18"/>
      <c r="J9" s="18"/>
      <c r="K9" s="19"/>
    </row>
    <row r="10" spans="1:22" ht="9.75" customHeight="1" x14ac:dyDescent="0.15">
      <c r="A10" s="32" t="s">
        <v>13</v>
      </c>
      <c r="B10" s="33"/>
      <c r="C10" s="20"/>
      <c r="D10" s="21">
        <v>3772457</v>
      </c>
      <c r="E10" s="21">
        <v>1864294</v>
      </c>
      <c r="F10" s="21">
        <v>1908163</v>
      </c>
      <c r="G10" s="21">
        <v>1754131</v>
      </c>
      <c r="H10" s="21">
        <v>3775319</v>
      </c>
      <c r="I10" s="21">
        <v>1865423</v>
      </c>
      <c r="J10" s="21">
        <v>1909896</v>
      </c>
      <c r="K10" s="22">
        <v>1762612</v>
      </c>
    </row>
    <row r="11" spans="1:22" ht="9.75" customHeight="1" x14ac:dyDescent="0.15">
      <c r="A11" s="27"/>
      <c r="B11" s="28" t="s">
        <v>14</v>
      </c>
      <c r="C11" s="5"/>
      <c r="D11" s="18">
        <v>296605</v>
      </c>
      <c r="E11" s="18">
        <v>152990</v>
      </c>
      <c r="F11" s="18">
        <v>143615</v>
      </c>
      <c r="G11" s="18">
        <v>145334</v>
      </c>
      <c r="H11" s="18">
        <v>296941</v>
      </c>
      <c r="I11" s="18">
        <v>153232</v>
      </c>
      <c r="J11" s="18">
        <v>143709</v>
      </c>
      <c r="K11" s="19">
        <v>146199</v>
      </c>
    </row>
    <row r="12" spans="1:22" ht="9.75" customHeight="1" x14ac:dyDescent="0.15">
      <c r="A12" s="27"/>
      <c r="B12" s="28" t="s">
        <v>15</v>
      </c>
      <c r="C12" s="5"/>
      <c r="D12" s="18">
        <v>246965</v>
      </c>
      <c r="E12" s="18">
        <v>125868</v>
      </c>
      <c r="F12" s="18">
        <v>121097</v>
      </c>
      <c r="G12" s="18">
        <v>129112</v>
      </c>
      <c r="H12" s="18">
        <v>247586</v>
      </c>
      <c r="I12" s="18">
        <v>126253</v>
      </c>
      <c r="J12" s="18">
        <v>121333</v>
      </c>
      <c r="K12" s="19">
        <v>130137</v>
      </c>
    </row>
    <row r="13" spans="1:22" ht="9.75" customHeight="1" x14ac:dyDescent="0.15">
      <c r="A13" s="27"/>
      <c r="B13" s="28" t="s">
        <v>16</v>
      </c>
      <c r="C13" s="5"/>
      <c r="D13" s="18">
        <v>104692</v>
      </c>
      <c r="E13" s="18">
        <v>52980</v>
      </c>
      <c r="F13" s="18">
        <v>51712</v>
      </c>
      <c r="G13" s="18">
        <v>56996</v>
      </c>
      <c r="H13" s="18">
        <v>104848</v>
      </c>
      <c r="I13" s="18">
        <v>53020</v>
      </c>
      <c r="J13" s="18">
        <v>51828</v>
      </c>
      <c r="K13" s="19">
        <v>57333</v>
      </c>
    </row>
    <row r="14" spans="1:22" ht="9.75" customHeight="1" x14ac:dyDescent="0.15">
      <c r="A14" s="27"/>
      <c r="B14" s="28" t="s">
        <v>17</v>
      </c>
      <c r="C14" s="5"/>
      <c r="D14" s="18">
        <v>151338</v>
      </c>
      <c r="E14" s="18">
        <v>77107</v>
      </c>
      <c r="F14" s="18">
        <v>74231</v>
      </c>
      <c r="G14" s="18">
        <v>85215</v>
      </c>
      <c r="H14" s="18">
        <v>151226</v>
      </c>
      <c r="I14" s="18">
        <v>77027</v>
      </c>
      <c r="J14" s="18">
        <v>74199</v>
      </c>
      <c r="K14" s="19">
        <v>85365</v>
      </c>
    </row>
    <row r="15" spans="1:22" ht="9.75" customHeight="1" x14ac:dyDescent="0.15">
      <c r="A15" s="27"/>
      <c r="B15" s="28" t="s">
        <v>18</v>
      </c>
      <c r="C15" s="5"/>
      <c r="D15" s="18">
        <v>197723</v>
      </c>
      <c r="E15" s="18">
        <v>98670</v>
      </c>
      <c r="F15" s="18">
        <v>99053</v>
      </c>
      <c r="G15" s="18">
        <v>103768</v>
      </c>
      <c r="H15" s="18">
        <v>197982</v>
      </c>
      <c r="I15" s="18">
        <v>98808</v>
      </c>
      <c r="J15" s="18">
        <v>99174</v>
      </c>
      <c r="K15" s="19">
        <v>104381</v>
      </c>
    </row>
    <row r="16" spans="1:22" ht="9.75" customHeight="1" x14ac:dyDescent="0.15">
      <c r="A16" s="27"/>
      <c r="B16" s="28" t="s">
        <v>19</v>
      </c>
      <c r="C16" s="5"/>
      <c r="D16" s="18">
        <v>214938</v>
      </c>
      <c r="E16" s="18">
        <v>104823</v>
      </c>
      <c r="F16" s="18">
        <v>110115</v>
      </c>
      <c r="G16" s="18">
        <v>95639</v>
      </c>
      <c r="H16" s="18">
        <v>215081</v>
      </c>
      <c r="I16" s="18">
        <v>104896</v>
      </c>
      <c r="J16" s="18">
        <v>110185</v>
      </c>
      <c r="K16" s="19">
        <v>96060</v>
      </c>
    </row>
    <row r="17" spans="1:11" ht="9.75" customHeight="1" x14ac:dyDescent="0.15">
      <c r="A17" s="27"/>
      <c r="B17" s="28" t="s">
        <v>20</v>
      </c>
      <c r="C17" s="5"/>
      <c r="D17" s="18">
        <v>207332</v>
      </c>
      <c r="E17" s="18">
        <v>101626</v>
      </c>
      <c r="F17" s="18">
        <v>105706</v>
      </c>
      <c r="G17" s="18">
        <v>99040</v>
      </c>
      <c r="H17" s="18">
        <v>207456</v>
      </c>
      <c r="I17" s="18">
        <v>101710</v>
      </c>
      <c r="J17" s="18">
        <v>105746</v>
      </c>
      <c r="K17" s="19">
        <v>99503</v>
      </c>
    </row>
    <row r="18" spans="1:11" ht="9.75" customHeight="1" x14ac:dyDescent="0.15">
      <c r="A18" s="27"/>
      <c r="B18" s="28" t="s">
        <v>21</v>
      </c>
      <c r="C18" s="5"/>
      <c r="D18" s="18">
        <v>244523</v>
      </c>
      <c r="E18" s="18">
        <v>117985</v>
      </c>
      <c r="F18" s="18">
        <v>126538</v>
      </c>
      <c r="G18" s="18">
        <v>107007</v>
      </c>
      <c r="H18" s="18">
        <v>244314</v>
      </c>
      <c r="I18" s="18">
        <v>117877</v>
      </c>
      <c r="J18" s="18">
        <v>126437</v>
      </c>
      <c r="K18" s="19">
        <v>107277</v>
      </c>
    </row>
    <row r="19" spans="1:11" ht="9.75" customHeight="1" x14ac:dyDescent="0.15">
      <c r="A19" s="27"/>
      <c r="B19" s="28" t="s">
        <v>22</v>
      </c>
      <c r="C19" s="5"/>
      <c r="D19" s="18">
        <v>166283</v>
      </c>
      <c r="E19" s="18">
        <v>81775</v>
      </c>
      <c r="F19" s="18">
        <v>84508</v>
      </c>
      <c r="G19" s="18">
        <v>78637</v>
      </c>
      <c r="H19" s="18">
        <v>166306</v>
      </c>
      <c r="I19" s="18">
        <v>81790</v>
      </c>
      <c r="J19" s="18">
        <v>84516</v>
      </c>
      <c r="K19" s="19">
        <v>78906</v>
      </c>
    </row>
    <row r="20" spans="1:11" ht="9.75" customHeight="1" x14ac:dyDescent="0.15">
      <c r="A20" s="27"/>
      <c r="B20" s="28" t="s">
        <v>23</v>
      </c>
      <c r="C20" s="5"/>
      <c r="D20" s="18">
        <v>198281</v>
      </c>
      <c r="E20" s="18">
        <v>96616</v>
      </c>
      <c r="F20" s="18">
        <v>101665</v>
      </c>
      <c r="G20" s="18">
        <v>89662</v>
      </c>
      <c r="H20" s="18">
        <v>198187</v>
      </c>
      <c r="I20" s="18">
        <v>96506</v>
      </c>
      <c r="J20" s="18">
        <v>101681</v>
      </c>
      <c r="K20" s="19">
        <v>90009</v>
      </c>
    </row>
    <row r="21" spans="1:11" ht="9.75" customHeight="1" x14ac:dyDescent="0.15">
      <c r="A21" s="27"/>
      <c r="B21" s="28" t="s">
        <v>24</v>
      </c>
      <c r="C21" s="5"/>
      <c r="D21" s="18">
        <v>358179</v>
      </c>
      <c r="E21" s="18">
        <v>178906</v>
      </c>
      <c r="F21" s="18">
        <v>179273</v>
      </c>
      <c r="G21" s="18">
        <v>175425</v>
      </c>
      <c r="H21" s="18">
        <v>358791</v>
      </c>
      <c r="I21" s="18">
        <v>179152</v>
      </c>
      <c r="J21" s="18">
        <v>179639</v>
      </c>
      <c r="K21" s="19">
        <v>176491</v>
      </c>
    </row>
    <row r="22" spans="1:11" ht="9.75" customHeight="1" x14ac:dyDescent="0.15">
      <c r="A22" s="27"/>
      <c r="B22" s="28" t="s">
        <v>25</v>
      </c>
      <c r="C22" s="5"/>
      <c r="D22" s="18">
        <v>183236</v>
      </c>
      <c r="E22" s="18">
        <v>90164</v>
      </c>
      <c r="F22" s="18">
        <v>93072</v>
      </c>
      <c r="G22" s="18">
        <v>79723</v>
      </c>
      <c r="H22" s="18">
        <v>183332</v>
      </c>
      <c r="I22" s="18">
        <v>90184</v>
      </c>
      <c r="J22" s="18">
        <v>93148</v>
      </c>
      <c r="K22" s="19">
        <v>80079</v>
      </c>
    </row>
    <row r="23" spans="1:11" ht="9.75" customHeight="1" x14ac:dyDescent="0.15">
      <c r="A23" s="27"/>
      <c r="B23" s="28" t="s">
        <v>26</v>
      </c>
      <c r="C23" s="5"/>
      <c r="D23" s="18">
        <v>310729</v>
      </c>
      <c r="E23" s="18">
        <v>150209</v>
      </c>
      <c r="F23" s="18">
        <v>160520</v>
      </c>
      <c r="G23" s="18">
        <v>133171</v>
      </c>
      <c r="H23" s="18">
        <v>310977</v>
      </c>
      <c r="I23" s="18">
        <v>150225</v>
      </c>
      <c r="J23" s="18">
        <v>160752</v>
      </c>
      <c r="K23" s="19">
        <v>133782</v>
      </c>
    </row>
    <row r="24" spans="1:11" ht="9.75" customHeight="1" x14ac:dyDescent="0.15">
      <c r="A24" s="27"/>
      <c r="B24" s="28" t="s">
        <v>27</v>
      </c>
      <c r="C24" s="5"/>
      <c r="D24" s="18">
        <v>213457</v>
      </c>
      <c r="E24" s="18">
        <v>104772</v>
      </c>
      <c r="F24" s="18">
        <v>108685</v>
      </c>
      <c r="G24" s="18">
        <v>84908</v>
      </c>
      <c r="H24" s="18">
        <v>213923</v>
      </c>
      <c r="I24" s="18">
        <v>104955</v>
      </c>
      <c r="J24" s="18">
        <v>108968</v>
      </c>
      <c r="K24" s="19">
        <v>85451</v>
      </c>
    </row>
    <row r="25" spans="1:11" ht="9.75" customHeight="1" x14ac:dyDescent="0.15">
      <c r="A25" s="27"/>
      <c r="B25" s="28" t="s">
        <v>28</v>
      </c>
      <c r="C25" s="5"/>
      <c r="D25" s="18">
        <v>283794</v>
      </c>
      <c r="E25" s="18">
        <v>138412</v>
      </c>
      <c r="F25" s="18">
        <v>145382</v>
      </c>
      <c r="G25" s="18">
        <v>122434</v>
      </c>
      <c r="H25" s="18">
        <v>283846</v>
      </c>
      <c r="I25" s="18">
        <v>138398</v>
      </c>
      <c r="J25" s="18">
        <v>145448</v>
      </c>
      <c r="K25" s="19">
        <v>122948</v>
      </c>
    </row>
    <row r="26" spans="1:11" ht="9.75" customHeight="1" x14ac:dyDescent="0.15">
      <c r="A26" s="27"/>
      <c r="B26" s="28" t="s">
        <v>29</v>
      </c>
      <c r="C26" s="5"/>
      <c r="D26" s="18">
        <v>119891</v>
      </c>
      <c r="E26" s="18">
        <v>58373</v>
      </c>
      <c r="F26" s="18">
        <v>61518</v>
      </c>
      <c r="G26" s="18">
        <v>52608</v>
      </c>
      <c r="H26" s="18">
        <v>120189</v>
      </c>
      <c r="I26" s="18">
        <v>58491</v>
      </c>
      <c r="J26" s="18">
        <v>61698</v>
      </c>
      <c r="K26" s="19">
        <v>52902</v>
      </c>
    </row>
    <row r="27" spans="1:11" ht="9.75" customHeight="1" x14ac:dyDescent="0.15">
      <c r="A27" s="27"/>
      <c r="B27" s="28" t="s">
        <v>30</v>
      </c>
      <c r="C27" s="5"/>
      <c r="D27" s="18">
        <v>152156</v>
      </c>
      <c r="E27" s="18">
        <v>73793</v>
      </c>
      <c r="F27" s="18">
        <v>78363</v>
      </c>
      <c r="G27" s="18">
        <v>62938</v>
      </c>
      <c r="H27" s="18">
        <v>152141</v>
      </c>
      <c r="I27" s="18">
        <v>73760</v>
      </c>
      <c r="J27" s="18">
        <v>78381</v>
      </c>
      <c r="K27" s="19">
        <v>63133</v>
      </c>
    </row>
    <row r="28" spans="1:11" ht="9.75" customHeight="1" x14ac:dyDescent="0.15">
      <c r="A28" s="27"/>
      <c r="B28" s="28" t="s">
        <v>31</v>
      </c>
      <c r="C28" s="5"/>
      <c r="D28" s="18">
        <v>122335</v>
      </c>
      <c r="E28" s="18">
        <v>59225</v>
      </c>
      <c r="F28" s="18">
        <v>63110</v>
      </c>
      <c r="G28" s="18">
        <v>52514</v>
      </c>
      <c r="H28" s="18">
        <v>122193</v>
      </c>
      <c r="I28" s="18">
        <v>59139</v>
      </c>
      <c r="J28" s="18">
        <v>63054</v>
      </c>
      <c r="K28" s="19">
        <v>52656</v>
      </c>
    </row>
    <row r="29" spans="1:11" ht="3.75" customHeight="1" x14ac:dyDescent="0.15">
      <c r="A29" s="27"/>
      <c r="B29" s="28"/>
      <c r="C29" s="5"/>
      <c r="D29" s="18"/>
      <c r="E29" s="18"/>
      <c r="F29" s="18"/>
      <c r="G29" s="18"/>
      <c r="H29" s="18"/>
      <c r="I29" s="18"/>
      <c r="J29" s="18"/>
      <c r="K29" s="19"/>
    </row>
    <row r="30" spans="1:11" ht="9.75" customHeight="1" x14ac:dyDescent="0.15">
      <c r="A30" s="32" t="s">
        <v>32</v>
      </c>
      <c r="B30" s="33"/>
      <c r="C30" s="20"/>
      <c r="D30" s="21">
        <v>1536539</v>
      </c>
      <c r="E30" s="21">
        <v>774578</v>
      </c>
      <c r="F30" s="21">
        <v>761961</v>
      </c>
      <c r="G30" s="21">
        <v>747634</v>
      </c>
      <c r="H30" s="21">
        <v>1539127</v>
      </c>
      <c r="I30" s="21">
        <v>775850</v>
      </c>
      <c r="J30" s="21">
        <v>763277</v>
      </c>
      <c r="K30" s="22">
        <v>753280</v>
      </c>
    </row>
    <row r="31" spans="1:11" ht="9.75" customHeight="1" x14ac:dyDescent="0.15">
      <c r="A31" s="27"/>
      <c r="B31" s="28" t="s">
        <v>33</v>
      </c>
      <c r="C31" s="5"/>
      <c r="D31" s="18">
        <v>231982</v>
      </c>
      <c r="E31" s="18">
        <v>124571</v>
      </c>
      <c r="F31" s="18">
        <v>107411</v>
      </c>
      <c r="G31" s="18">
        <v>123243</v>
      </c>
      <c r="H31" s="18">
        <v>232297</v>
      </c>
      <c r="I31" s="18">
        <v>124862</v>
      </c>
      <c r="J31" s="18">
        <v>107435</v>
      </c>
      <c r="K31" s="19">
        <v>124021</v>
      </c>
    </row>
    <row r="32" spans="1:11" ht="9.75" customHeight="1" x14ac:dyDescent="0.15">
      <c r="A32" s="27"/>
      <c r="B32" s="28" t="s">
        <v>34</v>
      </c>
      <c r="C32" s="5"/>
      <c r="D32" s="18">
        <v>170693</v>
      </c>
      <c r="E32" s="18">
        <v>86450</v>
      </c>
      <c r="F32" s="18">
        <v>84243</v>
      </c>
      <c r="G32" s="18">
        <v>79927</v>
      </c>
      <c r="H32" s="18">
        <v>170802</v>
      </c>
      <c r="I32" s="18">
        <v>86482</v>
      </c>
      <c r="J32" s="18">
        <v>84320</v>
      </c>
      <c r="K32" s="19">
        <v>80354</v>
      </c>
    </row>
    <row r="33" spans="1:11" ht="9.75" customHeight="1" x14ac:dyDescent="0.15">
      <c r="A33" s="27"/>
      <c r="B33" s="28" t="s">
        <v>35</v>
      </c>
      <c r="C33" s="5"/>
      <c r="D33" s="18">
        <v>263748</v>
      </c>
      <c r="E33" s="18">
        <v>133645</v>
      </c>
      <c r="F33" s="18">
        <v>130103</v>
      </c>
      <c r="G33" s="18">
        <v>134656</v>
      </c>
      <c r="H33" s="18">
        <v>264582</v>
      </c>
      <c r="I33" s="18">
        <v>134085</v>
      </c>
      <c r="J33" s="18">
        <v>130497</v>
      </c>
      <c r="K33" s="19">
        <v>136090</v>
      </c>
    </row>
    <row r="34" spans="1:11" ht="9.75" customHeight="1" x14ac:dyDescent="0.15">
      <c r="A34" s="27"/>
      <c r="B34" s="28" t="s">
        <v>36</v>
      </c>
      <c r="C34" s="5"/>
      <c r="D34" s="18">
        <v>234033</v>
      </c>
      <c r="E34" s="18">
        <v>116144</v>
      </c>
      <c r="F34" s="18">
        <v>117889</v>
      </c>
      <c r="G34" s="18">
        <v>113835</v>
      </c>
      <c r="H34" s="18">
        <v>234422</v>
      </c>
      <c r="I34" s="18">
        <v>116363</v>
      </c>
      <c r="J34" s="18">
        <v>118059</v>
      </c>
      <c r="K34" s="19">
        <v>114683</v>
      </c>
    </row>
    <row r="35" spans="1:11" ht="9.75" customHeight="1" x14ac:dyDescent="0.15">
      <c r="A35" s="27"/>
      <c r="B35" s="28" t="s">
        <v>37</v>
      </c>
      <c r="C35" s="5"/>
      <c r="D35" s="18">
        <v>233704</v>
      </c>
      <c r="E35" s="18">
        <v>113425</v>
      </c>
      <c r="F35" s="18">
        <v>120279</v>
      </c>
      <c r="G35" s="18">
        <v>102581</v>
      </c>
      <c r="H35" s="18">
        <v>233774</v>
      </c>
      <c r="I35" s="18">
        <v>113404</v>
      </c>
      <c r="J35" s="18">
        <v>120370</v>
      </c>
      <c r="K35" s="19">
        <v>103114</v>
      </c>
    </row>
    <row r="36" spans="1:11" ht="9.75" customHeight="1" x14ac:dyDescent="0.15">
      <c r="A36" s="27"/>
      <c r="B36" s="28" t="s">
        <v>38</v>
      </c>
      <c r="C36" s="5"/>
      <c r="D36" s="18">
        <v>221559</v>
      </c>
      <c r="E36" s="18">
        <v>112921</v>
      </c>
      <c r="F36" s="18">
        <v>108638</v>
      </c>
      <c r="G36" s="18">
        <v>113702</v>
      </c>
      <c r="H36" s="18">
        <v>222391</v>
      </c>
      <c r="I36" s="18">
        <v>113304</v>
      </c>
      <c r="J36" s="18">
        <v>109087</v>
      </c>
      <c r="K36" s="19">
        <v>114903</v>
      </c>
    </row>
    <row r="37" spans="1:11" ht="9.75" customHeight="1" x14ac:dyDescent="0.15">
      <c r="A37" s="27"/>
      <c r="B37" s="28" t="s">
        <v>39</v>
      </c>
      <c r="C37" s="5"/>
      <c r="D37" s="18">
        <v>180820</v>
      </c>
      <c r="E37" s="18">
        <v>87422</v>
      </c>
      <c r="F37" s="18">
        <v>93398</v>
      </c>
      <c r="G37" s="18">
        <v>79690</v>
      </c>
      <c r="H37" s="18">
        <v>180859</v>
      </c>
      <c r="I37" s="18">
        <v>87350</v>
      </c>
      <c r="J37" s="18">
        <v>93509</v>
      </c>
      <c r="K37" s="19">
        <v>80115</v>
      </c>
    </row>
    <row r="38" spans="1:11" ht="3.75" customHeight="1" x14ac:dyDescent="0.15">
      <c r="A38" s="27"/>
      <c r="B38" s="28"/>
      <c r="C38" s="5"/>
      <c r="D38" s="18"/>
      <c r="E38" s="18"/>
      <c r="F38" s="18"/>
      <c r="G38" s="18"/>
      <c r="H38" s="18"/>
      <c r="I38" s="18"/>
      <c r="J38" s="18"/>
      <c r="K38" s="19"/>
    </row>
    <row r="39" spans="1:11" ht="9.75" customHeight="1" x14ac:dyDescent="0.15">
      <c r="A39" s="32" t="s">
        <v>40</v>
      </c>
      <c r="B39" s="33"/>
      <c r="C39" s="20"/>
      <c r="D39" s="21">
        <v>724944</v>
      </c>
      <c r="E39" s="21">
        <v>361795</v>
      </c>
      <c r="F39" s="21">
        <v>363149</v>
      </c>
      <c r="G39" s="21">
        <v>333764</v>
      </c>
      <c r="H39" s="21">
        <v>725132</v>
      </c>
      <c r="I39" s="21">
        <v>361739</v>
      </c>
      <c r="J39" s="21">
        <v>363393</v>
      </c>
      <c r="K39" s="22">
        <v>335237</v>
      </c>
    </row>
    <row r="40" spans="1:11" ht="9.75" customHeight="1" x14ac:dyDescent="0.15">
      <c r="A40" s="27"/>
      <c r="B40" s="28" t="s">
        <v>25</v>
      </c>
      <c r="C40" s="5"/>
      <c r="D40" s="18">
        <v>169855</v>
      </c>
      <c r="E40" s="18">
        <v>85409</v>
      </c>
      <c r="F40" s="18">
        <v>84446</v>
      </c>
      <c r="G40" s="18">
        <v>75203</v>
      </c>
      <c r="H40" s="18">
        <v>169867</v>
      </c>
      <c r="I40" s="18">
        <v>85374</v>
      </c>
      <c r="J40" s="18">
        <v>84493</v>
      </c>
      <c r="K40" s="19">
        <v>75525</v>
      </c>
    </row>
    <row r="41" spans="1:11" ht="9.75" customHeight="1" x14ac:dyDescent="0.15">
      <c r="A41" s="27"/>
      <c r="B41" s="28" t="s">
        <v>41</v>
      </c>
      <c r="C41" s="5"/>
      <c r="D41" s="18">
        <v>273889</v>
      </c>
      <c r="E41" s="18">
        <v>137089</v>
      </c>
      <c r="F41" s="18">
        <v>136800</v>
      </c>
      <c r="G41" s="18">
        <v>125330</v>
      </c>
      <c r="H41" s="18">
        <v>273760</v>
      </c>
      <c r="I41" s="18">
        <v>136933</v>
      </c>
      <c r="J41" s="18">
        <v>136827</v>
      </c>
      <c r="K41" s="19">
        <v>125743</v>
      </c>
    </row>
    <row r="42" spans="1:11" ht="9.75" customHeight="1" x14ac:dyDescent="0.15">
      <c r="A42" s="27"/>
      <c r="B42" s="28" t="s">
        <v>18</v>
      </c>
      <c r="C42" s="5"/>
      <c r="D42" s="18">
        <v>281200</v>
      </c>
      <c r="E42" s="18">
        <v>139297</v>
      </c>
      <c r="F42" s="18">
        <v>141903</v>
      </c>
      <c r="G42" s="18">
        <v>133231</v>
      </c>
      <c r="H42" s="18">
        <v>281505</v>
      </c>
      <c r="I42" s="18">
        <v>139432</v>
      </c>
      <c r="J42" s="18">
        <v>142073</v>
      </c>
      <c r="K42" s="19">
        <v>133969</v>
      </c>
    </row>
    <row r="43" spans="1:11" ht="3.75" customHeight="1" x14ac:dyDescent="0.15">
      <c r="A43" s="27"/>
      <c r="B43" s="28"/>
      <c r="C43" s="5"/>
      <c r="D43" s="18"/>
      <c r="E43" s="18"/>
      <c r="F43" s="18"/>
      <c r="G43" s="18"/>
      <c r="H43" s="18"/>
      <c r="I43" s="18"/>
      <c r="J43" s="18"/>
      <c r="K43" s="19"/>
    </row>
    <row r="44" spans="1:11" ht="9.75" customHeight="1" x14ac:dyDescent="0.15">
      <c r="A44" s="34" t="s">
        <v>42</v>
      </c>
      <c r="B44" s="35"/>
      <c r="C44" s="5"/>
      <c r="D44" s="18">
        <v>386344</v>
      </c>
      <c r="E44" s="18">
        <v>192621</v>
      </c>
      <c r="F44" s="18">
        <v>193723</v>
      </c>
      <c r="G44" s="18">
        <v>165325</v>
      </c>
      <c r="H44" s="18">
        <v>384846</v>
      </c>
      <c r="I44" s="18">
        <v>191561</v>
      </c>
      <c r="J44" s="18">
        <v>193285</v>
      </c>
      <c r="K44" s="19">
        <v>165560</v>
      </c>
    </row>
    <row r="45" spans="1:11" ht="9.75" customHeight="1" x14ac:dyDescent="0.15">
      <c r="A45" s="34" t="s">
        <v>43</v>
      </c>
      <c r="B45" s="35"/>
      <c r="C45" s="5"/>
      <c r="D45" s="18">
        <v>258080</v>
      </c>
      <c r="E45" s="18">
        <v>128802</v>
      </c>
      <c r="F45" s="18">
        <v>129278</v>
      </c>
      <c r="G45" s="18">
        <v>112486</v>
      </c>
      <c r="H45" s="18">
        <v>258075</v>
      </c>
      <c r="I45" s="18">
        <v>128806</v>
      </c>
      <c r="J45" s="18">
        <v>129269</v>
      </c>
      <c r="K45" s="19">
        <v>112905</v>
      </c>
    </row>
    <row r="46" spans="1:11" ht="9.75" customHeight="1" x14ac:dyDescent="0.15">
      <c r="A46" s="34" t="s">
        <v>44</v>
      </c>
      <c r="B46" s="35"/>
      <c r="C46" s="5"/>
      <c r="D46" s="18">
        <v>172675</v>
      </c>
      <c r="E46" s="18">
        <v>81083</v>
      </c>
      <c r="F46" s="18">
        <v>91592</v>
      </c>
      <c r="G46" s="18">
        <v>75871</v>
      </c>
      <c r="H46" s="18">
        <v>172694</v>
      </c>
      <c r="I46" s="18">
        <v>81063</v>
      </c>
      <c r="J46" s="18">
        <v>91631</v>
      </c>
      <c r="K46" s="19">
        <v>76080</v>
      </c>
    </row>
    <row r="47" spans="1:11" ht="9.75" customHeight="1" x14ac:dyDescent="0.15">
      <c r="A47" s="34" t="s">
        <v>45</v>
      </c>
      <c r="B47" s="35"/>
      <c r="C47" s="5"/>
      <c r="D47" s="18">
        <v>438149</v>
      </c>
      <c r="E47" s="18">
        <v>216184</v>
      </c>
      <c r="F47" s="18">
        <v>221965</v>
      </c>
      <c r="G47" s="18">
        <v>194368</v>
      </c>
      <c r="H47" s="18">
        <v>438968</v>
      </c>
      <c r="I47" s="18">
        <v>216610</v>
      </c>
      <c r="J47" s="18">
        <v>222358</v>
      </c>
      <c r="K47" s="19">
        <v>195389</v>
      </c>
    </row>
    <row r="48" spans="1:11" ht="9.75" customHeight="1" x14ac:dyDescent="0.15">
      <c r="A48" s="34" t="s">
        <v>46</v>
      </c>
      <c r="B48" s="35"/>
      <c r="C48" s="5"/>
      <c r="D48" s="18">
        <v>188529</v>
      </c>
      <c r="E48" s="18">
        <v>91118</v>
      </c>
      <c r="F48" s="18">
        <v>97411</v>
      </c>
      <c r="G48" s="18">
        <v>82143</v>
      </c>
      <c r="H48" s="18">
        <v>188375</v>
      </c>
      <c r="I48" s="18">
        <v>90969</v>
      </c>
      <c r="J48" s="18">
        <v>97406</v>
      </c>
      <c r="K48" s="19">
        <v>82454</v>
      </c>
    </row>
    <row r="49" spans="1:11" ht="9.75" customHeight="1" x14ac:dyDescent="0.15">
      <c r="A49" s="34" t="s">
        <v>47</v>
      </c>
      <c r="B49" s="35"/>
      <c r="C49" s="5"/>
      <c r="D49" s="18">
        <v>242317</v>
      </c>
      <c r="E49" s="18">
        <v>117519</v>
      </c>
      <c r="F49" s="18">
        <v>124798</v>
      </c>
      <c r="G49" s="18">
        <v>102875</v>
      </c>
      <c r="H49" s="18">
        <v>242371</v>
      </c>
      <c r="I49" s="18">
        <v>117533</v>
      </c>
      <c r="J49" s="18">
        <v>124838</v>
      </c>
      <c r="K49" s="19">
        <v>103179</v>
      </c>
    </row>
    <row r="50" spans="1:11" ht="9.75" customHeight="1" x14ac:dyDescent="0.15">
      <c r="A50" s="34" t="s">
        <v>48</v>
      </c>
      <c r="B50" s="35"/>
      <c r="C50" s="5"/>
      <c r="D50" s="18">
        <v>57055</v>
      </c>
      <c r="E50" s="18">
        <v>26740</v>
      </c>
      <c r="F50" s="18">
        <v>30315</v>
      </c>
      <c r="G50" s="18">
        <v>24950</v>
      </c>
      <c r="H50" s="18">
        <v>57055</v>
      </c>
      <c r="I50" s="18">
        <v>26738</v>
      </c>
      <c r="J50" s="18">
        <v>30317</v>
      </c>
      <c r="K50" s="19">
        <v>25000</v>
      </c>
    </row>
    <row r="51" spans="1:11" ht="9.75" customHeight="1" x14ac:dyDescent="0.15">
      <c r="A51" s="34" t="s">
        <v>49</v>
      </c>
      <c r="B51" s="35"/>
      <c r="C51" s="5"/>
      <c r="D51" s="18">
        <v>41894</v>
      </c>
      <c r="E51" s="18">
        <v>20053</v>
      </c>
      <c r="F51" s="18">
        <v>21841</v>
      </c>
      <c r="G51" s="18">
        <v>17215</v>
      </c>
      <c r="H51" s="18">
        <v>41820</v>
      </c>
      <c r="I51" s="18">
        <v>20009</v>
      </c>
      <c r="J51" s="18">
        <v>21811</v>
      </c>
      <c r="K51" s="19">
        <v>17245</v>
      </c>
    </row>
    <row r="52" spans="1:11" ht="9.75" customHeight="1" x14ac:dyDescent="0.15">
      <c r="A52" s="34" t="s">
        <v>50</v>
      </c>
      <c r="B52" s="35"/>
      <c r="C52" s="5"/>
      <c r="D52" s="18">
        <v>162156</v>
      </c>
      <c r="E52" s="18">
        <v>81962</v>
      </c>
      <c r="F52" s="18">
        <v>80194</v>
      </c>
      <c r="G52" s="18">
        <v>70328</v>
      </c>
      <c r="H52" s="18">
        <v>161932</v>
      </c>
      <c r="I52" s="18">
        <v>81856</v>
      </c>
      <c r="J52" s="18">
        <v>80076</v>
      </c>
      <c r="K52" s="19">
        <v>70542</v>
      </c>
    </row>
    <row r="53" spans="1:11" ht="9.75" customHeight="1" x14ac:dyDescent="0.15">
      <c r="A53" s="34" t="s">
        <v>51</v>
      </c>
      <c r="B53" s="35"/>
      <c r="C53" s="5"/>
      <c r="D53" s="18">
        <v>223640</v>
      </c>
      <c r="E53" s="18">
        <v>115280</v>
      </c>
      <c r="F53" s="18">
        <v>108360</v>
      </c>
      <c r="G53" s="18">
        <v>100587</v>
      </c>
      <c r="H53" s="18">
        <v>223724</v>
      </c>
      <c r="I53" s="18">
        <v>115352</v>
      </c>
      <c r="J53" s="18">
        <v>108372</v>
      </c>
      <c r="K53" s="19">
        <v>101165</v>
      </c>
    </row>
    <row r="54" spans="1:11" ht="9.75" customHeight="1" x14ac:dyDescent="0.15">
      <c r="A54" s="34" t="s">
        <v>52</v>
      </c>
      <c r="B54" s="35"/>
      <c r="C54" s="5"/>
      <c r="D54" s="18">
        <v>239728</v>
      </c>
      <c r="E54" s="18">
        <v>119805</v>
      </c>
      <c r="F54" s="18">
        <v>119923</v>
      </c>
      <c r="G54" s="18">
        <v>111180</v>
      </c>
      <c r="H54" s="18">
        <v>240244</v>
      </c>
      <c r="I54" s="18">
        <v>119995</v>
      </c>
      <c r="J54" s="18">
        <v>120249</v>
      </c>
      <c r="K54" s="19">
        <v>111819</v>
      </c>
    </row>
    <row r="55" spans="1:11" ht="9.75" customHeight="1" x14ac:dyDescent="0.15">
      <c r="A55" s="34" t="s">
        <v>53</v>
      </c>
      <c r="B55" s="35"/>
      <c r="C55" s="5"/>
      <c r="D55" s="18">
        <v>101326</v>
      </c>
      <c r="E55" s="18">
        <v>51267</v>
      </c>
      <c r="F55" s="18">
        <v>50059</v>
      </c>
      <c r="G55" s="18">
        <v>45274</v>
      </c>
      <c r="H55" s="18">
        <v>101381</v>
      </c>
      <c r="I55" s="18">
        <v>51383</v>
      </c>
      <c r="J55" s="18">
        <v>49998</v>
      </c>
      <c r="K55" s="19">
        <v>45566</v>
      </c>
    </row>
    <row r="56" spans="1:11" ht="9.75" customHeight="1" x14ac:dyDescent="0.15">
      <c r="A56" s="34" t="s">
        <v>54</v>
      </c>
      <c r="B56" s="35"/>
      <c r="C56" s="5"/>
      <c r="D56" s="18">
        <v>136916</v>
      </c>
      <c r="E56" s="18">
        <v>68761</v>
      </c>
      <c r="F56" s="18">
        <v>68155</v>
      </c>
      <c r="G56" s="18">
        <v>58710</v>
      </c>
      <c r="H56" s="18">
        <v>137114</v>
      </c>
      <c r="I56" s="18">
        <v>68852</v>
      </c>
      <c r="J56" s="18">
        <v>68262</v>
      </c>
      <c r="K56" s="19">
        <v>58971</v>
      </c>
    </row>
    <row r="57" spans="1:11" ht="9.75" customHeight="1" x14ac:dyDescent="0.15">
      <c r="A57" s="34" t="s">
        <v>55</v>
      </c>
      <c r="B57" s="35"/>
      <c r="C57" s="5"/>
      <c r="D57" s="18">
        <v>132261</v>
      </c>
      <c r="E57" s="18">
        <v>65917</v>
      </c>
      <c r="F57" s="18">
        <v>66344</v>
      </c>
      <c r="G57" s="18">
        <v>60348</v>
      </c>
      <c r="H57" s="18">
        <v>132308</v>
      </c>
      <c r="I57" s="18">
        <v>65932</v>
      </c>
      <c r="J57" s="18">
        <v>66376</v>
      </c>
      <c r="K57" s="19">
        <v>60544</v>
      </c>
    </row>
    <row r="58" spans="1:11" ht="9.75" customHeight="1" x14ac:dyDescent="0.15">
      <c r="A58" s="34" t="s">
        <v>56</v>
      </c>
      <c r="B58" s="35"/>
      <c r="C58" s="5"/>
      <c r="D58" s="18">
        <v>40638</v>
      </c>
      <c r="E58" s="18">
        <v>19887</v>
      </c>
      <c r="F58" s="18">
        <v>20751</v>
      </c>
      <c r="G58" s="18">
        <v>16294</v>
      </c>
      <c r="H58" s="18">
        <v>40520</v>
      </c>
      <c r="I58" s="18">
        <v>19812</v>
      </c>
      <c r="J58" s="18">
        <v>20708</v>
      </c>
      <c r="K58" s="19">
        <v>16270</v>
      </c>
    </row>
    <row r="59" spans="1:11" ht="9.75" customHeight="1" x14ac:dyDescent="0.15">
      <c r="A59" s="34" t="s">
        <v>57</v>
      </c>
      <c r="B59" s="35"/>
      <c r="C59" s="5"/>
      <c r="D59" s="18">
        <v>83637</v>
      </c>
      <c r="E59" s="18">
        <v>42448</v>
      </c>
      <c r="F59" s="18">
        <v>41189</v>
      </c>
      <c r="G59" s="18">
        <v>34852</v>
      </c>
      <c r="H59" s="18">
        <v>83478</v>
      </c>
      <c r="I59" s="18">
        <v>42365</v>
      </c>
      <c r="J59" s="18">
        <v>41113</v>
      </c>
      <c r="K59" s="19">
        <v>34852</v>
      </c>
    </row>
    <row r="60" spans="1:11" ht="3.75" customHeight="1" x14ac:dyDescent="0.15">
      <c r="A60" s="27"/>
      <c r="B60" s="28"/>
      <c r="C60" s="5"/>
      <c r="D60" s="18"/>
      <c r="E60" s="18"/>
      <c r="F60" s="18"/>
      <c r="G60" s="18"/>
      <c r="H60" s="18"/>
      <c r="I60" s="18"/>
      <c r="J60" s="18"/>
      <c r="K60" s="19"/>
    </row>
    <row r="61" spans="1:11" ht="9.75" customHeight="1" x14ac:dyDescent="0.15">
      <c r="A61" s="34" t="s">
        <v>58</v>
      </c>
      <c r="B61" s="35"/>
      <c r="C61" s="5"/>
      <c r="D61" s="12">
        <v>31716</v>
      </c>
      <c r="E61" s="18">
        <v>14927</v>
      </c>
      <c r="F61" s="18">
        <v>16789</v>
      </c>
      <c r="G61" s="18">
        <v>13023</v>
      </c>
      <c r="H61" s="18">
        <v>31719</v>
      </c>
      <c r="I61" s="18">
        <v>14898</v>
      </c>
      <c r="J61" s="18">
        <v>16821</v>
      </c>
      <c r="K61" s="19">
        <v>13060</v>
      </c>
    </row>
    <row r="62" spans="1:11" ht="3.75" customHeight="1" x14ac:dyDescent="0.15">
      <c r="A62" s="27"/>
      <c r="B62" s="28"/>
      <c r="C62" s="5"/>
      <c r="D62" s="18"/>
      <c r="E62" s="18"/>
      <c r="F62" s="18"/>
      <c r="G62" s="18"/>
      <c r="H62" s="18"/>
      <c r="I62" s="18"/>
      <c r="J62" s="18"/>
      <c r="K62" s="19"/>
    </row>
    <row r="63" spans="1:11" ht="9.75" customHeight="1" x14ac:dyDescent="0.15">
      <c r="A63" s="34" t="s">
        <v>59</v>
      </c>
      <c r="B63" s="35"/>
      <c r="C63" s="5"/>
      <c r="D63" s="12">
        <v>48426</v>
      </c>
      <c r="E63" s="18">
        <v>24511</v>
      </c>
      <c r="F63" s="18">
        <v>23915</v>
      </c>
      <c r="G63" s="18">
        <v>20000</v>
      </c>
      <c r="H63" s="18">
        <v>48459</v>
      </c>
      <c r="I63" s="18">
        <v>24515</v>
      </c>
      <c r="J63" s="18">
        <v>23944</v>
      </c>
      <c r="K63" s="19">
        <v>20037</v>
      </c>
    </row>
    <row r="64" spans="1:11" ht="3.75" customHeight="1" x14ac:dyDescent="0.15">
      <c r="A64" s="27"/>
      <c r="B64" s="28"/>
      <c r="C64" s="5"/>
      <c r="D64" s="18"/>
      <c r="E64" s="18"/>
      <c r="F64" s="18"/>
      <c r="G64" s="18"/>
      <c r="H64" s="18"/>
      <c r="I64" s="18"/>
      <c r="J64" s="18"/>
      <c r="K64" s="19"/>
    </row>
    <row r="65" spans="1:11" ht="9.75" customHeight="1" x14ac:dyDescent="0.15">
      <c r="A65" s="32" t="s">
        <v>60</v>
      </c>
      <c r="B65" s="33"/>
      <c r="C65" s="20"/>
      <c r="D65" s="21">
        <v>59142</v>
      </c>
      <c r="E65" s="21">
        <v>28633</v>
      </c>
      <c r="F65" s="21">
        <v>30509</v>
      </c>
      <c r="G65" s="21">
        <v>24304</v>
      </c>
      <c r="H65" s="21">
        <v>59058</v>
      </c>
      <c r="I65" s="21">
        <v>28595</v>
      </c>
      <c r="J65" s="21">
        <v>30463</v>
      </c>
      <c r="K65" s="22">
        <v>24322</v>
      </c>
    </row>
    <row r="66" spans="1:11" ht="9.75" customHeight="1" x14ac:dyDescent="0.15">
      <c r="A66" s="27"/>
      <c r="B66" s="28" t="s">
        <v>61</v>
      </c>
      <c r="C66" s="5"/>
      <c r="D66" s="18">
        <v>31651</v>
      </c>
      <c r="E66" s="18">
        <v>15411</v>
      </c>
      <c r="F66" s="18">
        <v>16240</v>
      </c>
      <c r="G66" s="18">
        <v>12746</v>
      </c>
      <c r="H66" s="18">
        <v>31617</v>
      </c>
      <c r="I66" s="18">
        <v>15394</v>
      </c>
      <c r="J66" s="18">
        <v>16223</v>
      </c>
      <c r="K66" s="19">
        <v>12756</v>
      </c>
    </row>
    <row r="67" spans="1:11" ht="9.75" customHeight="1" x14ac:dyDescent="0.15">
      <c r="A67" s="27"/>
      <c r="B67" s="28" t="s">
        <v>62</v>
      </c>
      <c r="C67" s="5"/>
      <c r="D67" s="18">
        <v>27491</v>
      </c>
      <c r="E67" s="18">
        <v>13222</v>
      </c>
      <c r="F67" s="18">
        <v>14269</v>
      </c>
      <c r="G67" s="18">
        <v>11558</v>
      </c>
      <c r="H67" s="18">
        <v>27441</v>
      </c>
      <c r="I67" s="18">
        <v>13201</v>
      </c>
      <c r="J67" s="18">
        <v>14240</v>
      </c>
      <c r="K67" s="19">
        <v>11566</v>
      </c>
    </row>
    <row r="68" spans="1:11" ht="3.75" customHeight="1" x14ac:dyDescent="0.15">
      <c r="A68" s="27"/>
      <c r="B68" s="28"/>
      <c r="C68" s="5"/>
      <c r="D68" s="18"/>
      <c r="E68" s="18"/>
      <c r="F68" s="18"/>
      <c r="G68" s="18"/>
      <c r="H68" s="18"/>
      <c r="I68" s="18"/>
      <c r="J68" s="18"/>
      <c r="K68" s="19"/>
    </row>
    <row r="69" spans="1:11" ht="9.75" customHeight="1" x14ac:dyDescent="0.15">
      <c r="A69" s="32" t="s">
        <v>63</v>
      </c>
      <c r="B69" s="33"/>
      <c r="C69" s="20"/>
      <c r="D69" s="21">
        <v>65261</v>
      </c>
      <c r="E69" s="21">
        <v>32194</v>
      </c>
      <c r="F69" s="21">
        <v>33067</v>
      </c>
      <c r="G69" s="21">
        <v>25637</v>
      </c>
      <c r="H69" s="21">
        <v>65141</v>
      </c>
      <c r="I69" s="21">
        <v>32102</v>
      </c>
      <c r="J69" s="21">
        <v>33039</v>
      </c>
      <c r="K69" s="22">
        <v>25653</v>
      </c>
    </row>
    <row r="70" spans="1:11" ht="9.75" customHeight="1" x14ac:dyDescent="0.15">
      <c r="A70" s="27"/>
      <c r="B70" s="28" t="s">
        <v>64</v>
      </c>
      <c r="C70" s="5"/>
      <c r="D70" s="18">
        <v>9248</v>
      </c>
      <c r="E70" s="18">
        <v>4631</v>
      </c>
      <c r="F70" s="18">
        <v>4617</v>
      </c>
      <c r="G70" s="18">
        <v>3424</v>
      </c>
      <c r="H70" s="18">
        <v>9204</v>
      </c>
      <c r="I70" s="18">
        <v>4608</v>
      </c>
      <c r="J70" s="18">
        <v>4596</v>
      </c>
      <c r="K70" s="19">
        <v>3414</v>
      </c>
    </row>
    <row r="71" spans="1:11" ht="9.75" customHeight="1" x14ac:dyDescent="0.15">
      <c r="A71" s="27"/>
      <c r="B71" s="28" t="s">
        <v>65</v>
      </c>
      <c r="C71" s="5"/>
      <c r="D71" s="18">
        <v>17158</v>
      </c>
      <c r="E71" s="18">
        <v>8454</v>
      </c>
      <c r="F71" s="18">
        <v>8704</v>
      </c>
      <c r="G71" s="18">
        <v>6747</v>
      </c>
      <c r="H71" s="18">
        <v>17146</v>
      </c>
      <c r="I71" s="18">
        <v>8436</v>
      </c>
      <c r="J71" s="18">
        <v>8710</v>
      </c>
      <c r="K71" s="19">
        <v>6765</v>
      </c>
    </row>
    <row r="72" spans="1:11" ht="9.75" customHeight="1" x14ac:dyDescent="0.15">
      <c r="A72" s="27"/>
      <c r="B72" s="28" t="s">
        <v>66</v>
      </c>
      <c r="C72" s="5"/>
      <c r="D72" s="18">
        <v>10719</v>
      </c>
      <c r="E72" s="18">
        <v>5334</v>
      </c>
      <c r="F72" s="18">
        <v>5385</v>
      </c>
      <c r="G72" s="18">
        <v>4543</v>
      </c>
      <c r="H72" s="18">
        <v>10680</v>
      </c>
      <c r="I72" s="18">
        <v>5304</v>
      </c>
      <c r="J72" s="18">
        <v>5376</v>
      </c>
      <c r="K72" s="19">
        <v>4537</v>
      </c>
    </row>
    <row r="73" spans="1:11" ht="9.75" customHeight="1" x14ac:dyDescent="0.15">
      <c r="A73" s="27"/>
      <c r="B73" s="28" t="s">
        <v>67</v>
      </c>
      <c r="C73" s="5"/>
      <c r="D73" s="18">
        <v>9715</v>
      </c>
      <c r="E73" s="18">
        <v>4821</v>
      </c>
      <c r="F73" s="18">
        <v>4894</v>
      </c>
      <c r="G73" s="18">
        <v>3944</v>
      </c>
      <c r="H73" s="18">
        <v>9679</v>
      </c>
      <c r="I73" s="18">
        <v>4800</v>
      </c>
      <c r="J73" s="18">
        <v>4879</v>
      </c>
      <c r="K73" s="19">
        <v>3934</v>
      </c>
    </row>
    <row r="74" spans="1:11" ht="9.75" customHeight="1" x14ac:dyDescent="0.15">
      <c r="A74" s="27"/>
      <c r="B74" s="28" t="s">
        <v>68</v>
      </c>
      <c r="C74" s="5"/>
      <c r="D74" s="18">
        <v>18421</v>
      </c>
      <c r="E74" s="18">
        <v>8954</v>
      </c>
      <c r="F74" s="18">
        <v>9467</v>
      </c>
      <c r="G74" s="18">
        <v>6979</v>
      </c>
      <c r="H74" s="18">
        <v>18432</v>
      </c>
      <c r="I74" s="18">
        <v>8954</v>
      </c>
      <c r="J74" s="18">
        <v>9478</v>
      </c>
      <c r="K74" s="19">
        <v>7003</v>
      </c>
    </row>
    <row r="75" spans="1:11" ht="3.75" customHeight="1" x14ac:dyDescent="0.15">
      <c r="A75" s="27"/>
      <c r="B75" s="28"/>
      <c r="C75" s="5"/>
      <c r="D75" s="18"/>
      <c r="E75" s="18"/>
      <c r="F75" s="18"/>
      <c r="G75" s="18"/>
      <c r="H75" s="18"/>
      <c r="I75" s="18"/>
      <c r="J75" s="18"/>
      <c r="K75" s="19"/>
    </row>
    <row r="76" spans="1:11" ht="9.75" customHeight="1" x14ac:dyDescent="0.15">
      <c r="A76" s="32" t="s">
        <v>69</v>
      </c>
      <c r="B76" s="33"/>
      <c r="C76" s="20"/>
      <c r="D76" s="21">
        <v>41221</v>
      </c>
      <c r="E76" s="21">
        <v>19344</v>
      </c>
      <c r="F76" s="21">
        <v>21877</v>
      </c>
      <c r="G76" s="21">
        <v>19986</v>
      </c>
      <c r="H76" s="21">
        <v>41171</v>
      </c>
      <c r="I76" s="21">
        <v>19306</v>
      </c>
      <c r="J76" s="21">
        <v>21865</v>
      </c>
      <c r="K76" s="22">
        <v>20089</v>
      </c>
    </row>
    <row r="77" spans="1:11" ht="9.75" customHeight="1" x14ac:dyDescent="0.15">
      <c r="A77" s="27"/>
      <c r="B77" s="28" t="s">
        <v>70</v>
      </c>
      <c r="C77" s="5"/>
      <c r="D77" s="18">
        <v>11210</v>
      </c>
      <c r="E77" s="18">
        <v>5401</v>
      </c>
      <c r="F77" s="18">
        <v>5809</v>
      </c>
      <c r="G77" s="18">
        <v>6298</v>
      </c>
      <c r="H77" s="18">
        <v>11253</v>
      </c>
      <c r="I77" s="18">
        <v>5417</v>
      </c>
      <c r="J77" s="18">
        <v>5836</v>
      </c>
      <c r="K77" s="19">
        <v>6391</v>
      </c>
    </row>
    <row r="78" spans="1:11" ht="9.75" customHeight="1" x14ac:dyDescent="0.15">
      <c r="A78" s="27"/>
      <c r="B78" s="28" t="s">
        <v>71</v>
      </c>
      <c r="C78" s="5"/>
      <c r="D78" s="18">
        <v>6691</v>
      </c>
      <c r="E78" s="18">
        <v>3110</v>
      </c>
      <c r="F78" s="18">
        <v>3581</v>
      </c>
      <c r="G78" s="18">
        <v>2957</v>
      </c>
      <c r="H78" s="18">
        <v>6666</v>
      </c>
      <c r="I78" s="18">
        <v>3100</v>
      </c>
      <c r="J78" s="18">
        <v>3566</v>
      </c>
      <c r="K78" s="19">
        <v>2956</v>
      </c>
    </row>
    <row r="79" spans="1:11" ht="9.75" customHeight="1" x14ac:dyDescent="0.15">
      <c r="A79" s="27"/>
      <c r="B79" s="28" t="s">
        <v>72</v>
      </c>
      <c r="C79" s="5"/>
      <c r="D79" s="18">
        <v>23320</v>
      </c>
      <c r="E79" s="18">
        <v>10833</v>
      </c>
      <c r="F79" s="18">
        <v>12487</v>
      </c>
      <c r="G79" s="18">
        <v>10731</v>
      </c>
      <c r="H79" s="18">
        <v>23252</v>
      </c>
      <c r="I79" s="18">
        <v>10789</v>
      </c>
      <c r="J79" s="18">
        <v>12463</v>
      </c>
      <c r="K79" s="19">
        <v>10742</v>
      </c>
    </row>
    <row r="80" spans="1:11" ht="3.75" customHeight="1" x14ac:dyDescent="0.15">
      <c r="A80" s="27"/>
      <c r="B80" s="28"/>
      <c r="C80" s="5"/>
      <c r="D80" s="18"/>
      <c r="E80" s="18"/>
      <c r="F80" s="18"/>
      <c r="G80" s="18"/>
      <c r="H80" s="18"/>
      <c r="I80" s="18"/>
      <c r="J80" s="18"/>
      <c r="K80" s="19"/>
    </row>
    <row r="81" spans="1:11" ht="9.75" customHeight="1" x14ac:dyDescent="0.15">
      <c r="A81" s="32" t="s">
        <v>73</v>
      </c>
      <c r="B81" s="33"/>
      <c r="C81" s="20"/>
      <c r="D81" s="21">
        <v>42694</v>
      </c>
      <c r="E81" s="21">
        <v>22330</v>
      </c>
      <c r="F81" s="21">
        <v>20364</v>
      </c>
      <c r="G81" s="21">
        <v>18217</v>
      </c>
      <c r="H81" s="21">
        <v>42592</v>
      </c>
      <c r="I81" s="21">
        <v>22302</v>
      </c>
      <c r="J81" s="21">
        <v>20290</v>
      </c>
      <c r="K81" s="22">
        <v>18228</v>
      </c>
    </row>
    <row r="82" spans="1:11" ht="9.75" customHeight="1" x14ac:dyDescent="0.15">
      <c r="A82" s="27"/>
      <c r="B82" s="28" t="s">
        <v>74</v>
      </c>
      <c r="C82" s="5"/>
      <c r="D82" s="18">
        <v>39670</v>
      </c>
      <c r="E82" s="18">
        <v>20788</v>
      </c>
      <c r="F82" s="18">
        <v>18882</v>
      </c>
      <c r="G82" s="18">
        <v>17095</v>
      </c>
      <c r="H82" s="18">
        <v>39565</v>
      </c>
      <c r="I82" s="18">
        <v>20756</v>
      </c>
      <c r="J82" s="18">
        <v>18809</v>
      </c>
      <c r="K82" s="19">
        <v>17101</v>
      </c>
    </row>
    <row r="83" spans="1:11" ht="9.75" customHeight="1" x14ac:dyDescent="0.15">
      <c r="A83" s="27"/>
      <c r="B83" s="28" t="s">
        <v>75</v>
      </c>
      <c r="C83" s="5"/>
      <c r="D83" s="18">
        <v>3024</v>
      </c>
      <c r="E83" s="18">
        <v>1542</v>
      </c>
      <c r="F83" s="18">
        <v>1482</v>
      </c>
      <c r="G83" s="18">
        <v>1122</v>
      </c>
      <c r="H83" s="18">
        <v>3027</v>
      </c>
      <c r="I83" s="18">
        <v>1546</v>
      </c>
      <c r="J83" s="18">
        <v>1481</v>
      </c>
      <c r="K83" s="19">
        <v>1127</v>
      </c>
    </row>
    <row r="84" spans="1:11" ht="3.75" customHeight="1" thickBot="1" x14ac:dyDescent="0.2">
      <c r="A84" s="23"/>
      <c r="B84" s="24"/>
      <c r="C84" s="24"/>
      <c r="D84" s="25"/>
      <c r="E84" s="25"/>
      <c r="F84" s="25"/>
      <c r="G84" s="25"/>
      <c r="H84" s="25"/>
      <c r="I84" s="25"/>
      <c r="J84" s="25"/>
      <c r="K84" s="26"/>
    </row>
    <row r="85" spans="1:11" ht="9.75" customHeight="1" x14ac:dyDescent="0.15"/>
  </sheetData>
  <mergeCells count="34">
    <mergeCell ref="A65:B65"/>
    <mergeCell ref="A69:B69"/>
    <mergeCell ref="A76:B76"/>
    <mergeCell ref="A81:B81"/>
    <mergeCell ref="A56:B56"/>
    <mergeCell ref="A57:B57"/>
    <mergeCell ref="A58:B58"/>
    <mergeCell ref="A59:B59"/>
    <mergeCell ref="A61:B61"/>
    <mergeCell ref="A63:B63"/>
    <mergeCell ref="A55:B55"/>
    <mergeCell ref="A44:B44"/>
    <mergeCell ref="A45:B45"/>
    <mergeCell ref="A46:B46"/>
    <mergeCell ref="A47:B47"/>
    <mergeCell ref="A48:B48"/>
    <mergeCell ref="A49:B49"/>
    <mergeCell ref="A50:B50"/>
    <mergeCell ref="A51:B51"/>
    <mergeCell ref="A52:B52"/>
    <mergeCell ref="A54:B54"/>
    <mergeCell ref="A39:B39"/>
    <mergeCell ref="A1:K1"/>
    <mergeCell ref="A2:C2"/>
    <mergeCell ref="I2:K2"/>
    <mergeCell ref="A3:C4"/>
    <mergeCell ref="D3:G3"/>
    <mergeCell ref="H3:K3"/>
    <mergeCell ref="A6:B6"/>
    <mergeCell ref="A7:B7"/>
    <mergeCell ref="A8:B8"/>
    <mergeCell ref="A10:B10"/>
    <mergeCell ref="A30:B30"/>
    <mergeCell ref="A53:B53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"/>
  <dimension ref="A1:V85"/>
  <sheetViews>
    <sheetView view="pageBreakPreview" zoomScaleNormal="115" zoomScaleSheetLayoutView="100" workbookViewId="0">
      <selection sqref="A1:K1"/>
    </sheetView>
  </sheetViews>
  <sheetFormatPr defaultRowHeight="14.25" x14ac:dyDescent="0.15"/>
  <cols>
    <col min="1" max="1" width="1.75" style="1" customWidth="1"/>
    <col min="2" max="2" width="7.5" style="1" customWidth="1"/>
    <col min="3" max="3" width="1.25" style="1" customWidth="1"/>
    <col min="4" max="11" width="8.5" style="1" customWidth="1"/>
    <col min="12" max="18" width="6.875" style="1" customWidth="1"/>
  </cols>
  <sheetData>
    <row r="1" spans="1:22" ht="18.75" customHeight="1" x14ac:dyDescent="0.15">
      <c r="A1" s="36" t="s">
        <v>0</v>
      </c>
      <c r="B1" s="36"/>
      <c r="C1" s="36"/>
      <c r="D1" s="36"/>
      <c r="E1" s="36"/>
      <c r="F1" s="36"/>
      <c r="G1" s="36"/>
      <c r="H1" s="36"/>
      <c r="I1" s="36"/>
      <c r="J1" s="36"/>
      <c r="K1" s="36"/>
    </row>
    <row r="2" spans="1:22" ht="15" customHeight="1" thickBot="1" x14ac:dyDescent="0.2">
      <c r="A2" s="37" t="s">
        <v>1</v>
      </c>
      <c r="B2" s="37"/>
      <c r="C2" s="37"/>
      <c r="I2" s="38"/>
      <c r="J2" s="38"/>
      <c r="K2" s="38"/>
    </row>
    <row r="3" spans="1:22" ht="15" customHeight="1" x14ac:dyDescent="0.15">
      <c r="A3" s="39" t="s">
        <v>2</v>
      </c>
      <c r="B3" s="40"/>
      <c r="C3" s="40"/>
      <c r="D3" s="43" t="s">
        <v>76</v>
      </c>
      <c r="E3" s="40"/>
      <c r="F3" s="40"/>
      <c r="G3" s="44"/>
      <c r="H3" s="43" t="s">
        <v>77</v>
      </c>
      <c r="I3" s="40"/>
      <c r="J3" s="40"/>
      <c r="K3" s="45"/>
    </row>
    <row r="4" spans="1:22" ht="15" customHeight="1" x14ac:dyDescent="0.15">
      <c r="A4" s="41"/>
      <c r="B4" s="42"/>
      <c r="C4" s="42"/>
      <c r="D4" s="2" t="s">
        <v>3</v>
      </c>
      <c r="E4" s="2" t="s">
        <v>4</v>
      </c>
      <c r="F4" s="2" t="s">
        <v>5</v>
      </c>
      <c r="G4" s="2" t="s">
        <v>6</v>
      </c>
      <c r="H4" s="2" t="s">
        <v>7</v>
      </c>
      <c r="I4" s="2" t="s">
        <v>4</v>
      </c>
      <c r="J4" s="2" t="s">
        <v>5</v>
      </c>
      <c r="K4" s="3" t="s">
        <v>6</v>
      </c>
    </row>
    <row r="5" spans="1:22" ht="10.5" customHeight="1" x14ac:dyDescent="0.15">
      <c r="A5" s="4"/>
      <c r="B5" s="5"/>
      <c r="C5" s="5"/>
      <c r="D5" s="6" t="s">
        <v>8</v>
      </c>
      <c r="E5" s="6" t="s">
        <v>8</v>
      </c>
      <c r="F5" s="6" t="s">
        <v>8</v>
      </c>
      <c r="G5" s="6" t="s">
        <v>9</v>
      </c>
      <c r="H5" s="6" t="s">
        <v>8</v>
      </c>
      <c r="I5" s="6" t="s">
        <v>8</v>
      </c>
      <c r="J5" s="6" t="s">
        <v>8</v>
      </c>
      <c r="K5" s="7" t="s">
        <v>9</v>
      </c>
    </row>
    <row r="6" spans="1:22" ht="9.75" customHeight="1" x14ac:dyDescent="0.15">
      <c r="A6" s="46" t="s">
        <v>10</v>
      </c>
      <c r="B6" s="47"/>
      <c r="C6" s="8"/>
      <c r="D6" s="9">
        <v>9243550</v>
      </c>
      <c r="E6" s="9">
        <v>4589934</v>
      </c>
      <c r="F6" s="9">
        <v>4653616</v>
      </c>
      <c r="G6" s="9">
        <v>4260454</v>
      </c>
      <c r="H6" s="9">
        <v>9243355</v>
      </c>
      <c r="I6" s="9">
        <v>4589637</v>
      </c>
      <c r="J6" s="9">
        <v>4653718</v>
      </c>
      <c r="K6" s="10">
        <v>4263005</v>
      </c>
    </row>
    <row r="7" spans="1:22" s="14" customFormat="1" ht="9.75" customHeight="1" x14ac:dyDescent="0.15">
      <c r="A7" s="30" t="s">
        <v>11</v>
      </c>
      <c r="B7" s="31"/>
      <c r="C7" s="11"/>
      <c r="D7" s="12">
        <v>8955415</v>
      </c>
      <c r="E7" s="12">
        <v>4448258</v>
      </c>
      <c r="F7" s="12">
        <v>4507157</v>
      </c>
      <c r="G7" s="12">
        <v>4138826</v>
      </c>
      <c r="H7" s="12">
        <v>8955321</v>
      </c>
      <c r="I7" s="12">
        <v>4448024</v>
      </c>
      <c r="J7" s="12">
        <v>4507297</v>
      </c>
      <c r="K7" s="13">
        <v>4141290</v>
      </c>
      <c r="S7" s="15"/>
      <c r="T7" s="15"/>
      <c r="U7" s="15"/>
      <c r="V7" s="15"/>
    </row>
    <row r="8" spans="1:22" s="14" customFormat="1" ht="9.75" customHeight="1" x14ac:dyDescent="0.15">
      <c r="A8" s="30" t="s">
        <v>12</v>
      </c>
      <c r="B8" s="31"/>
      <c r="C8" s="11"/>
      <c r="D8" s="12">
        <v>288135</v>
      </c>
      <c r="E8" s="12">
        <v>141676</v>
      </c>
      <c r="F8" s="12">
        <v>146459</v>
      </c>
      <c r="G8" s="12">
        <v>121628</v>
      </c>
      <c r="H8" s="12">
        <v>288034</v>
      </c>
      <c r="I8" s="12">
        <v>141613</v>
      </c>
      <c r="J8" s="12">
        <v>146421</v>
      </c>
      <c r="K8" s="13">
        <v>121715</v>
      </c>
      <c r="S8" s="15"/>
      <c r="T8" s="15"/>
      <c r="U8" s="15"/>
      <c r="V8" s="15"/>
    </row>
    <row r="9" spans="1:22" ht="3.75" customHeight="1" x14ac:dyDescent="0.15">
      <c r="A9" s="16"/>
      <c r="B9" s="17"/>
      <c r="C9" s="5"/>
      <c r="D9" s="18"/>
      <c r="E9" s="18"/>
      <c r="F9" s="18"/>
      <c r="G9" s="18"/>
      <c r="H9" s="18"/>
      <c r="I9" s="18"/>
      <c r="J9" s="18"/>
      <c r="K9" s="19"/>
    </row>
    <row r="10" spans="1:22" ht="9.75" customHeight="1" x14ac:dyDescent="0.15">
      <c r="A10" s="32" t="s">
        <v>13</v>
      </c>
      <c r="B10" s="33"/>
      <c r="C10" s="20"/>
      <c r="D10" s="21">
        <v>3779446</v>
      </c>
      <c r="E10" s="21">
        <v>1867611</v>
      </c>
      <c r="F10" s="21">
        <v>1911835</v>
      </c>
      <c r="G10" s="21">
        <v>1767031</v>
      </c>
      <c r="H10" s="21">
        <v>3779063</v>
      </c>
      <c r="I10" s="21">
        <v>1867293</v>
      </c>
      <c r="J10" s="21">
        <v>1911770</v>
      </c>
      <c r="K10" s="22">
        <v>1767713</v>
      </c>
    </row>
    <row r="11" spans="1:22" ht="9.75" customHeight="1" x14ac:dyDescent="0.15">
      <c r="A11" s="16"/>
      <c r="B11" s="17" t="s">
        <v>14</v>
      </c>
      <c r="C11" s="5"/>
      <c r="D11" s="18">
        <v>297197</v>
      </c>
      <c r="E11" s="18">
        <v>153314</v>
      </c>
      <c r="F11" s="18">
        <v>143883</v>
      </c>
      <c r="G11" s="18">
        <v>146485</v>
      </c>
      <c r="H11" s="18">
        <v>297058</v>
      </c>
      <c r="I11" s="18">
        <v>153191</v>
      </c>
      <c r="J11" s="18">
        <v>143867</v>
      </c>
      <c r="K11" s="19">
        <v>146468</v>
      </c>
    </row>
    <row r="12" spans="1:22" ht="9.75" customHeight="1" x14ac:dyDescent="0.15">
      <c r="A12" s="16"/>
      <c r="B12" s="17" t="s">
        <v>15</v>
      </c>
      <c r="C12" s="5"/>
      <c r="D12" s="18">
        <v>247904</v>
      </c>
      <c r="E12" s="18">
        <v>126462</v>
      </c>
      <c r="F12" s="18">
        <v>121442</v>
      </c>
      <c r="G12" s="18">
        <v>130581</v>
      </c>
      <c r="H12" s="18">
        <v>247772</v>
      </c>
      <c r="I12" s="18">
        <v>126394</v>
      </c>
      <c r="J12" s="18">
        <v>121378</v>
      </c>
      <c r="K12" s="19">
        <v>130596</v>
      </c>
    </row>
    <row r="13" spans="1:22" ht="9.75" customHeight="1" x14ac:dyDescent="0.15">
      <c r="A13" s="16"/>
      <c r="B13" s="17" t="s">
        <v>16</v>
      </c>
      <c r="C13" s="5"/>
      <c r="D13" s="18">
        <v>104913</v>
      </c>
      <c r="E13" s="18">
        <v>53056</v>
      </c>
      <c r="F13" s="18">
        <v>51857</v>
      </c>
      <c r="G13" s="18">
        <v>57444</v>
      </c>
      <c r="H13" s="18">
        <v>104871</v>
      </c>
      <c r="I13" s="18">
        <v>53021</v>
      </c>
      <c r="J13" s="18">
        <v>51850</v>
      </c>
      <c r="K13" s="19">
        <v>57443</v>
      </c>
    </row>
    <row r="14" spans="1:22" ht="9.75" customHeight="1" x14ac:dyDescent="0.15">
      <c r="A14" s="16"/>
      <c r="B14" s="17" t="s">
        <v>17</v>
      </c>
      <c r="C14" s="5"/>
      <c r="D14" s="18">
        <v>151286</v>
      </c>
      <c r="E14" s="18">
        <v>77072</v>
      </c>
      <c r="F14" s="18">
        <v>74214</v>
      </c>
      <c r="G14" s="18">
        <v>85481</v>
      </c>
      <c r="H14" s="18">
        <v>151235</v>
      </c>
      <c r="I14" s="18">
        <v>77030</v>
      </c>
      <c r="J14" s="18">
        <v>74205</v>
      </c>
      <c r="K14" s="19">
        <v>85472</v>
      </c>
    </row>
    <row r="15" spans="1:22" ht="9.75" customHeight="1" x14ac:dyDescent="0.15">
      <c r="A15" s="16"/>
      <c r="B15" s="17" t="s">
        <v>18</v>
      </c>
      <c r="C15" s="5"/>
      <c r="D15" s="18">
        <v>198212</v>
      </c>
      <c r="E15" s="18">
        <v>98958</v>
      </c>
      <c r="F15" s="18">
        <v>99254</v>
      </c>
      <c r="G15" s="18">
        <v>104657</v>
      </c>
      <c r="H15" s="18">
        <v>198166</v>
      </c>
      <c r="I15" s="18">
        <v>98965</v>
      </c>
      <c r="J15" s="18">
        <v>99201</v>
      </c>
      <c r="K15" s="19">
        <v>104697</v>
      </c>
    </row>
    <row r="16" spans="1:22" ht="9.75" customHeight="1" x14ac:dyDescent="0.15">
      <c r="A16" s="16"/>
      <c r="B16" s="17" t="s">
        <v>19</v>
      </c>
      <c r="C16" s="5"/>
      <c r="D16" s="18">
        <v>215178</v>
      </c>
      <c r="E16" s="18">
        <v>104951</v>
      </c>
      <c r="F16" s="18">
        <v>110227</v>
      </c>
      <c r="G16" s="18">
        <v>96220</v>
      </c>
      <c r="H16" s="18">
        <v>215274</v>
      </c>
      <c r="I16" s="18">
        <v>104988</v>
      </c>
      <c r="J16" s="18">
        <v>110286</v>
      </c>
      <c r="K16" s="19">
        <v>96324</v>
      </c>
    </row>
    <row r="17" spans="1:11" ht="9.75" customHeight="1" x14ac:dyDescent="0.15">
      <c r="A17" s="16"/>
      <c r="B17" s="17" t="s">
        <v>20</v>
      </c>
      <c r="C17" s="5"/>
      <c r="D17" s="18">
        <v>207637</v>
      </c>
      <c r="E17" s="18">
        <v>101816</v>
      </c>
      <c r="F17" s="18">
        <v>105821</v>
      </c>
      <c r="G17" s="18">
        <v>99834</v>
      </c>
      <c r="H17" s="18">
        <v>207564</v>
      </c>
      <c r="I17" s="18">
        <v>101791</v>
      </c>
      <c r="J17" s="18">
        <v>105773</v>
      </c>
      <c r="K17" s="19">
        <v>99846</v>
      </c>
    </row>
    <row r="18" spans="1:11" ht="9.75" customHeight="1" x14ac:dyDescent="0.15">
      <c r="A18" s="16"/>
      <c r="B18" s="17" t="s">
        <v>21</v>
      </c>
      <c r="C18" s="5"/>
      <c r="D18" s="18">
        <v>244217</v>
      </c>
      <c r="E18" s="18">
        <v>117830</v>
      </c>
      <c r="F18" s="18">
        <v>126387</v>
      </c>
      <c r="G18" s="18">
        <v>107344</v>
      </c>
      <c r="H18" s="18">
        <v>244102</v>
      </c>
      <c r="I18" s="18">
        <v>117747</v>
      </c>
      <c r="J18" s="18">
        <v>126355</v>
      </c>
      <c r="K18" s="19">
        <v>107350</v>
      </c>
    </row>
    <row r="19" spans="1:11" ht="9.75" customHeight="1" x14ac:dyDescent="0.15">
      <c r="A19" s="16"/>
      <c r="B19" s="17" t="s">
        <v>22</v>
      </c>
      <c r="C19" s="5"/>
      <c r="D19" s="18">
        <v>166427</v>
      </c>
      <c r="E19" s="18">
        <v>81857</v>
      </c>
      <c r="F19" s="18">
        <v>84570</v>
      </c>
      <c r="G19" s="18">
        <v>79055</v>
      </c>
      <c r="H19" s="18">
        <v>166467</v>
      </c>
      <c r="I19" s="18">
        <v>81892</v>
      </c>
      <c r="J19" s="18">
        <v>84575</v>
      </c>
      <c r="K19" s="19">
        <v>79134</v>
      </c>
    </row>
    <row r="20" spans="1:11" ht="9.75" customHeight="1" x14ac:dyDescent="0.15">
      <c r="A20" s="16"/>
      <c r="B20" s="17" t="s">
        <v>23</v>
      </c>
      <c r="C20" s="5"/>
      <c r="D20" s="18">
        <v>198313</v>
      </c>
      <c r="E20" s="18">
        <v>96604</v>
      </c>
      <c r="F20" s="18">
        <v>101709</v>
      </c>
      <c r="G20" s="18">
        <v>90251</v>
      </c>
      <c r="H20" s="18">
        <v>198131</v>
      </c>
      <c r="I20" s="18">
        <v>96503</v>
      </c>
      <c r="J20" s="18">
        <v>101628</v>
      </c>
      <c r="K20" s="19">
        <v>90233</v>
      </c>
    </row>
    <row r="21" spans="1:11" ht="9.75" customHeight="1" x14ac:dyDescent="0.15">
      <c r="A21" s="16"/>
      <c r="B21" s="17" t="s">
        <v>24</v>
      </c>
      <c r="C21" s="5"/>
      <c r="D21" s="18">
        <v>359905</v>
      </c>
      <c r="E21" s="18">
        <v>179683</v>
      </c>
      <c r="F21" s="18">
        <v>180222</v>
      </c>
      <c r="G21" s="18">
        <v>177242</v>
      </c>
      <c r="H21" s="18">
        <v>359995</v>
      </c>
      <c r="I21" s="18">
        <v>179730</v>
      </c>
      <c r="J21" s="18">
        <v>180265</v>
      </c>
      <c r="K21" s="19">
        <v>177299</v>
      </c>
    </row>
    <row r="22" spans="1:11" ht="9.75" customHeight="1" x14ac:dyDescent="0.15">
      <c r="A22" s="16"/>
      <c r="B22" s="17" t="s">
        <v>25</v>
      </c>
      <c r="C22" s="5"/>
      <c r="D22" s="18">
        <v>183381</v>
      </c>
      <c r="E22" s="18">
        <v>90205</v>
      </c>
      <c r="F22" s="18">
        <v>93176</v>
      </c>
      <c r="G22" s="18">
        <v>80172</v>
      </c>
      <c r="H22" s="18">
        <v>183428</v>
      </c>
      <c r="I22" s="18">
        <v>90233</v>
      </c>
      <c r="J22" s="18">
        <v>93195</v>
      </c>
      <c r="K22" s="19">
        <v>80268</v>
      </c>
    </row>
    <row r="23" spans="1:11" ht="9.75" customHeight="1" x14ac:dyDescent="0.15">
      <c r="A23" s="16"/>
      <c r="B23" s="17" t="s">
        <v>26</v>
      </c>
      <c r="C23" s="5"/>
      <c r="D23" s="18">
        <v>311260</v>
      </c>
      <c r="E23" s="18">
        <v>150297</v>
      </c>
      <c r="F23" s="18">
        <v>160963</v>
      </c>
      <c r="G23" s="18">
        <v>133981</v>
      </c>
      <c r="H23" s="18">
        <v>311233</v>
      </c>
      <c r="I23" s="18">
        <v>150289</v>
      </c>
      <c r="J23" s="18">
        <v>160944</v>
      </c>
      <c r="K23" s="19">
        <v>134058</v>
      </c>
    </row>
    <row r="24" spans="1:11" ht="9.75" customHeight="1" x14ac:dyDescent="0.15">
      <c r="A24" s="16"/>
      <c r="B24" s="17" t="s">
        <v>27</v>
      </c>
      <c r="C24" s="5"/>
      <c r="D24" s="18">
        <v>214365</v>
      </c>
      <c r="E24" s="18">
        <v>105148</v>
      </c>
      <c r="F24" s="18">
        <v>109217</v>
      </c>
      <c r="G24" s="18">
        <v>85750</v>
      </c>
      <c r="H24" s="18">
        <v>214645</v>
      </c>
      <c r="I24" s="18">
        <v>105270</v>
      </c>
      <c r="J24" s="18">
        <v>109375</v>
      </c>
      <c r="K24" s="19">
        <v>85911</v>
      </c>
    </row>
    <row r="25" spans="1:11" ht="9.75" customHeight="1" x14ac:dyDescent="0.15">
      <c r="A25" s="16"/>
      <c r="B25" s="17" t="s">
        <v>28</v>
      </c>
      <c r="C25" s="5"/>
      <c r="D25" s="18">
        <v>284274</v>
      </c>
      <c r="E25" s="18">
        <v>138591</v>
      </c>
      <c r="F25" s="18">
        <v>145683</v>
      </c>
      <c r="G25" s="18">
        <v>123214</v>
      </c>
      <c r="H25" s="18">
        <v>284290</v>
      </c>
      <c r="I25" s="18">
        <v>138603</v>
      </c>
      <c r="J25" s="18">
        <v>145687</v>
      </c>
      <c r="K25" s="19">
        <v>123316</v>
      </c>
    </row>
    <row r="26" spans="1:11" ht="9.75" customHeight="1" x14ac:dyDescent="0.15">
      <c r="A26" s="16"/>
      <c r="B26" s="17" t="s">
        <v>29</v>
      </c>
      <c r="C26" s="5"/>
      <c r="D26" s="18">
        <v>120626</v>
      </c>
      <c r="E26" s="18">
        <v>58846</v>
      </c>
      <c r="F26" s="18">
        <v>61780</v>
      </c>
      <c r="G26" s="18">
        <v>53352</v>
      </c>
      <c r="H26" s="18">
        <v>120613</v>
      </c>
      <c r="I26" s="18">
        <v>58821</v>
      </c>
      <c r="J26" s="18">
        <v>61792</v>
      </c>
      <c r="K26" s="19">
        <v>53337</v>
      </c>
    </row>
    <row r="27" spans="1:11" ht="9.75" customHeight="1" x14ac:dyDescent="0.15">
      <c r="A27" s="16"/>
      <c r="B27" s="17" t="s">
        <v>30</v>
      </c>
      <c r="C27" s="5"/>
      <c r="D27" s="18">
        <v>152190</v>
      </c>
      <c r="E27" s="18">
        <v>73791</v>
      </c>
      <c r="F27" s="18">
        <v>78399</v>
      </c>
      <c r="G27" s="18">
        <v>63247</v>
      </c>
      <c r="H27" s="18">
        <v>152142</v>
      </c>
      <c r="I27" s="18">
        <v>73750</v>
      </c>
      <c r="J27" s="18">
        <v>78392</v>
      </c>
      <c r="K27" s="19">
        <v>63227</v>
      </c>
    </row>
    <row r="28" spans="1:11" ht="9.75" customHeight="1" x14ac:dyDescent="0.15">
      <c r="A28" s="16"/>
      <c r="B28" s="17" t="s">
        <v>31</v>
      </c>
      <c r="C28" s="5"/>
      <c r="D28" s="18">
        <v>122161</v>
      </c>
      <c r="E28" s="18">
        <v>59130</v>
      </c>
      <c r="F28" s="18">
        <v>63031</v>
      </c>
      <c r="G28" s="18">
        <v>52721</v>
      </c>
      <c r="H28" s="18">
        <v>122077</v>
      </c>
      <c r="I28" s="18">
        <v>59075</v>
      </c>
      <c r="J28" s="18">
        <v>63002</v>
      </c>
      <c r="K28" s="19">
        <v>52734</v>
      </c>
    </row>
    <row r="29" spans="1:11" ht="3.75" customHeight="1" x14ac:dyDescent="0.15">
      <c r="A29" s="16"/>
      <c r="B29" s="17"/>
      <c r="C29" s="5"/>
      <c r="D29" s="18"/>
      <c r="E29" s="18"/>
      <c r="F29" s="18"/>
      <c r="G29" s="18"/>
      <c r="H29" s="18"/>
      <c r="I29" s="18"/>
      <c r="J29" s="18"/>
      <c r="K29" s="19"/>
    </row>
    <row r="30" spans="1:11" ht="9.75" customHeight="1" x14ac:dyDescent="0.15">
      <c r="A30" s="32" t="s">
        <v>32</v>
      </c>
      <c r="B30" s="33"/>
      <c r="C30" s="20"/>
      <c r="D30" s="21">
        <v>1541055</v>
      </c>
      <c r="E30" s="21">
        <v>776720</v>
      </c>
      <c r="F30" s="21">
        <v>764335</v>
      </c>
      <c r="G30" s="21">
        <v>755223</v>
      </c>
      <c r="H30" s="21">
        <v>1541504</v>
      </c>
      <c r="I30" s="21">
        <v>776985</v>
      </c>
      <c r="J30" s="21">
        <v>764519</v>
      </c>
      <c r="K30" s="22">
        <v>755721</v>
      </c>
    </row>
    <row r="31" spans="1:11" ht="9.75" customHeight="1" x14ac:dyDescent="0.15">
      <c r="A31" s="16"/>
      <c r="B31" s="17" t="s">
        <v>33</v>
      </c>
      <c r="C31" s="5"/>
      <c r="D31" s="18">
        <v>232312</v>
      </c>
      <c r="E31" s="18">
        <v>124886</v>
      </c>
      <c r="F31" s="18">
        <v>107426</v>
      </c>
      <c r="G31" s="18">
        <v>124195</v>
      </c>
      <c r="H31" s="18">
        <v>232109</v>
      </c>
      <c r="I31" s="18">
        <v>124770</v>
      </c>
      <c r="J31" s="18">
        <v>107339</v>
      </c>
      <c r="K31" s="19">
        <v>124113</v>
      </c>
    </row>
    <row r="32" spans="1:11" ht="9.75" customHeight="1" x14ac:dyDescent="0.15">
      <c r="A32" s="16"/>
      <c r="B32" s="17" t="s">
        <v>34</v>
      </c>
      <c r="C32" s="5"/>
      <c r="D32" s="18">
        <v>170893</v>
      </c>
      <c r="E32" s="18">
        <v>86514</v>
      </c>
      <c r="F32" s="18">
        <v>84379</v>
      </c>
      <c r="G32" s="18">
        <v>80442</v>
      </c>
      <c r="H32" s="18">
        <v>171003</v>
      </c>
      <c r="I32" s="18">
        <v>86587</v>
      </c>
      <c r="J32" s="18">
        <v>84416</v>
      </c>
      <c r="K32" s="19">
        <v>80495</v>
      </c>
    </row>
    <row r="33" spans="1:11" ht="9.75" customHeight="1" x14ac:dyDescent="0.15">
      <c r="A33" s="16"/>
      <c r="B33" s="17" t="s">
        <v>35</v>
      </c>
      <c r="C33" s="5"/>
      <c r="D33" s="18">
        <v>264838</v>
      </c>
      <c r="E33" s="18">
        <v>134190</v>
      </c>
      <c r="F33" s="18">
        <v>130648</v>
      </c>
      <c r="G33" s="18">
        <v>136355</v>
      </c>
      <c r="H33" s="18">
        <v>264959</v>
      </c>
      <c r="I33" s="18">
        <v>134275</v>
      </c>
      <c r="J33" s="18">
        <v>130684</v>
      </c>
      <c r="K33" s="19">
        <v>136475</v>
      </c>
    </row>
    <row r="34" spans="1:11" ht="9.75" customHeight="1" x14ac:dyDescent="0.15">
      <c r="A34" s="16"/>
      <c r="B34" s="17" t="s">
        <v>36</v>
      </c>
      <c r="C34" s="5"/>
      <c r="D34" s="18">
        <v>234742</v>
      </c>
      <c r="E34" s="18">
        <v>116504</v>
      </c>
      <c r="F34" s="18">
        <v>118238</v>
      </c>
      <c r="G34" s="18">
        <v>114937</v>
      </c>
      <c r="H34" s="18">
        <v>234849</v>
      </c>
      <c r="I34" s="18">
        <v>116549</v>
      </c>
      <c r="J34" s="18">
        <v>118300</v>
      </c>
      <c r="K34" s="19">
        <v>115037</v>
      </c>
    </row>
    <row r="35" spans="1:11" ht="9.75" customHeight="1" x14ac:dyDescent="0.15">
      <c r="A35" s="16"/>
      <c r="B35" s="17" t="s">
        <v>37</v>
      </c>
      <c r="C35" s="5"/>
      <c r="D35" s="18">
        <v>234095</v>
      </c>
      <c r="E35" s="18">
        <v>113563</v>
      </c>
      <c r="F35" s="18">
        <v>120532</v>
      </c>
      <c r="G35" s="18">
        <v>103425</v>
      </c>
      <c r="H35" s="18">
        <v>234240</v>
      </c>
      <c r="I35" s="18">
        <v>113638</v>
      </c>
      <c r="J35" s="18">
        <v>120602</v>
      </c>
      <c r="K35" s="19">
        <v>103551</v>
      </c>
    </row>
    <row r="36" spans="1:11" ht="9.75" customHeight="1" x14ac:dyDescent="0.15">
      <c r="A36" s="16"/>
      <c r="B36" s="17" t="s">
        <v>38</v>
      </c>
      <c r="C36" s="5"/>
      <c r="D36" s="18">
        <v>222987</v>
      </c>
      <c r="E36" s="18">
        <v>113578</v>
      </c>
      <c r="F36" s="18">
        <v>109409</v>
      </c>
      <c r="G36" s="18">
        <v>115480</v>
      </c>
      <c r="H36" s="18">
        <v>223132</v>
      </c>
      <c r="I36" s="18">
        <v>113669</v>
      </c>
      <c r="J36" s="18">
        <v>109463</v>
      </c>
      <c r="K36" s="19">
        <v>115635</v>
      </c>
    </row>
    <row r="37" spans="1:11" ht="9.75" customHeight="1" x14ac:dyDescent="0.15">
      <c r="A37" s="16"/>
      <c r="B37" s="17" t="s">
        <v>39</v>
      </c>
      <c r="C37" s="5"/>
      <c r="D37" s="18">
        <v>181188</v>
      </c>
      <c r="E37" s="18">
        <v>87485</v>
      </c>
      <c r="F37" s="18">
        <v>93703</v>
      </c>
      <c r="G37" s="18">
        <v>80389</v>
      </c>
      <c r="H37" s="18">
        <v>181212</v>
      </c>
      <c r="I37" s="18">
        <v>87497</v>
      </c>
      <c r="J37" s="18">
        <v>93715</v>
      </c>
      <c r="K37" s="19">
        <v>80415</v>
      </c>
    </row>
    <row r="38" spans="1:11" ht="3.75" customHeight="1" x14ac:dyDescent="0.15">
      <c r="A38" s="16"/>
      <c r="B38" s="17"/>
      <c r="C38" s="5"/>
      <c r="D38" s="18"/>
      <c r="E38" s="18"/>
      <c r="F38" s="18"/>
      <c r="G38" s="18"/>
      <c r="H38" s="18"/>
      <c r="I38" s="18"/>
      <c r="J38" s="18"/>
      <c r="K38" s="19"/>
    </row>
    <row r="39" spans="1:11" ht="9.75" customHeight="1" x14ac:dyDescent="0.15">
      <c r="A39" s="32" t="s">
        <v>40</v>
      </c>
      <c r="B39" s="33"/>
      <c r="C39" s="20"/>
      <c r="D39" s="21">
        <v>725887</v>
      </c>
      <c r="E39" s="21">
        <v>361999</v>
      </c>
      <c r="F39" s="21">
        <v>363888</v>
      </c>
      <c r="G39" s="21">
        <v>336092</v>
      </c>
      <c r="H39" s="21">
        <v>725976</v>
      </c>
      <c r="I39" s="21">
        <v>362041</v>
      </c>
      <c r="J39" s="21">
        <v>363935</v>
      </c>
      <c r="K39" s="22">
        <v>336402</v>
      </c>
    </row>
    <row r="40" spans="1:11" ht="9.75" customHeight="1" x14ac:dyDescent="0.15">
      <c r="A40" s="16"/>
      <c r="B40" s="17" t="s">
        <v>25</v>
      </c>
      <c r="C40" s="5"/>
      <c r="D40" s="18">
        <v>170023</v>
      </c>
      <c r="E40" s="18">
        <v>85419</v>
      </c>
      <c r="F40" s="18">
        <v>84604</v>
      </c>
      <c r="G40" s="18">
        <v>75690</v>
      </c>
      <c r="H40" s="18">
        <v>169975</v>
      </c>
      <c r="I40" s="18">
        <v>85415</v>
      </c>
      <c r="J40" s="18">
        <v>84560</v>
      </c>
      <c r="K40" s="19">
        <v>75761</v>
      </c>
    </row>
    <row r="41" spans="1:11" ht="9.75" customHeight="1" x14ac:dyDescent="0.15">
      <c r="A41" s="16"/>
      <c r="B41" s="17" t="s">
        <v>41</v>
      </c>
      <c r="C41" s="5"/>
      <c r="D41" s="18">
        <v>273917</v>
      </c>
      <c r="E41" s="18">
        <v>136973</v>
      </c>
      <c r="F41" s="18">
        <v>136944</v>
      </c>
      <c r="G41" s="18">
        <v>126009</v>
      </c>
      <c r="H41" s="18">
        <v>273941</v>
      </c>
      <c r="I41" s="18">
        <v>136992</v>
      </c>
      <c r="J41" s="18">
        <v>136949</v>
      </c>
      <c r="K41" s="19">
        <v>126117</v>
      </c>
    </row>
    <row r="42" spans="1:11" ht="9.75" customHeight="1" x14ac:dyDescent="0.15">
      <c r="A42" s="16"/>
      <c r="B42" s="17" t="s">
        <v>18</v>
      </c>
      <c r="C42" s="5"/>
      <c r="D42" s="18">
        <v>281947</v>
      </c>
      <c r="E42" s="18">
        <v>139607</v>
      </c>
      <c r="F42" s="18">
        <v>142340</v>
      </c>
      <c r="G42" s="18">
        <v>134393</v>
      </c>
      <c r="H42" s="18">
        <v>282060</v>
      </c>
      <c r="I42" s="18">
        <v>139634</v>
      </c>
      <c r="J42" s="18">
        <v>142426</v>
      </c>
      <c r="K42" s="19">
        <v>134524</v>
      </c>
    </row>
    <row r="43" spans="1:11" ht="3.75" customHeight="1" x14ac:dyDescent="0.15">
      <c r="A43" s="16"/>
      <c r="B43" s="17"/>
      <c r="C43" s="5"/>
      <c r="D43" s="18"/>
      <c r="E43" s="18"/>
      <c r="F43" s="18"/>
      <c r="G43" s="18"/>
      <c r="H43" s="18"/>
      <c r="I43" s="18"/>
      <c r="J43" s="18"/>
      <c r="K43" s="19"/>
    </row>
    <row r="44" spans="1:11" ht="9.75" customHeight="1" x14ac:dyDescent="0.15">
      <c r="A44" s="34" t="s">
        <v>42</v>
      </c>
      <c r="B44" s="35"/>
      <c r="C44" s="5"/>
      <c r="D44" s="18">
        <v>387419</v>
      </c>
      <c r="E44" s="18">
        <v>193859</v>
      </c>
      <c r="F44" s="18">
        <v>193560</v>
      </c>
      <c r="G44" s="18">
        <v>165825</v>
      </c>
      <c r="H44" s="18">
        <v>387041</v>
      </c>
      <c r="I44" s="18">
        <v>193616</v>
      </c>
      <c r="J44" s="18">
        <v>193425</v>
      </c>
      <c r="K44" s="19">
        <v>165844</v>
      </c>
    </row>
    <row r="45" spans="1:11" ht="9.75" customHeight="1" x14ac:dyDescent="0.15">
      <c r="A45" s="34" t="s">
        <v>43</v>
      </c>
      <c r="B45" s="35"/>
      <c r="C45" s="5"/>
      <c r="D45" s="18">
        <v>258202</v>
      </c>
      <c r="E45" s="18">
        <v>128888</v>
      </c>
      <c r="F45" s="18">
        <v>129314</v>
      </c>
      <c r="G45" s="18">
        <v>113166</v>
      </c>
      <c r="H45" s="18">
        <v>258135</v>
      </c>
      <c r="I45" s="18">
        <v>128848</v>
      </c>
      <c r="J45" s="18">
        <v>129287</v>
      </c>
      <c r="K45" s="19">
        <v>113195</v>
      </c>
    </row>
    <row r="46" spans="1:11" ht="9.75" customHeight="1" x14ac:dyDescent="0.15">
      <c r="A46" s="34" t="s">
        <v>44</v>
      </c>
      <c r="B46" s="35"/>
      <c r="C46" s="5"/>
      <c r="D46" s="18">
        <v>172769</v>
      </c>
      <c r="E46" s="18">
        <v>81080</v>
      </c>
      <c r="F46" s="18">
        <v>91689</v>
      </c>
      <c r="G46" s="18">
        <v>76245</v>
      </c>
      <c r="H46" s="18">
        <v>172681</v>
      </c>
      <c r="I46" s="18">
        <v>81015</v>
      </c>
      <c r="J46" s="18">
        <v>91666</v>
      </c>
      <c r="K46" s="19">
        <v>76272</v>
      </c>
    </row>
    <row r="47" spans="1:11" ht="9.75" customHeight="1" x14ac:dyDescent="0.15">
      <c r="A47" s="34" t="s">
        <v>45</v>
      </c>
      <c r="B47" s="35"/>
      <c r="C47" s="5"/>
      <c r="D47" s="18">
        <v>439566</v>
      </c>
      <c r="E47" s="18">
        <v>216965</v>
      </c>
      <c r="F47" s="18">
        <v>222601</v>
      </c>
      <c r="G47" s="18">
        <v>196114</v>
      </c>
      <c r="H47" s="18">
        <v>439801</v>
      </c>
      <c r="I47" s="18">
        <v>217076</v>
      </c>
      <c r="J47" s="18">
        <v>222725</v>
      </c>
      <c r="K47" s="19">
        <v>196344</v>
      </c>
    </row>
    <row r="48" spans="1:11" ht="9.75" customHeight="1" x14ac:dyDescent="0.15">
      <c r="A48" s="34" t="s">
        <v>46</v>
      </c>
      <c r="B48" s="35"/>
      <c r="C48" s="5"/>
      <c r="D48" s="18">
        <v>188411</v>
      </c>
      <c r="E48" s="18">
        <v>90969</v>
      </c>
      <c r="F48" s="18">
        <v>97442</v>
      </c>
      <c r="G48" s="18">
        <v>82610</v>
      </c>
      <c r="H48" s="18">
        <v>188324</v>
      </c>
      <c r="I48" s="18">
        <v>90945</v>
      </c>
      <c r="J48" s="18">
        <v>97379</v>
      </c>
      <c r="K48" s="19">
        <v>82664</v>
      </c>
    </row>
    <row r="49" spans="1:11" ht="9.75" customHeight="1" x14ac:dyDescent="0.15">
      <c r="A49" s="34" t="s">
        <v>47</v>
      </c>
      <c r="B49" s="35"/>
      <c r="C49" s="5"/>
      <c r="D49" s="18">
        <v>242542</v>
      </c>
      <c r="E49" s="18">
        <v>117601</v>
      </c>
      <c r="F49" s="18">
        <v>124941</v>
      </c>
      <c r="G49" s="18">
        <v>103424</v>
      </c>
      <c r="H49" s="18">
        <v>242682</v>
      </c>
      <c r="I49" s="18">
        <v>117672</v>
      </c>
      <c r="J49" s="18">
        <v>125010</v>
      </c>
      <c r="K49" s="19">
        <v>103552</v>
      </c>
    </row>
    <row r="50" spans="1:11" ht="9.75" customHeight="1" x14ac:dyDescent="0.15">
      <c r="A50" s="34" t="s">
        <v>48</v>
      </c>
      <c r="B50" s="35"/>
      <c r="C50" s="5"/>
      <c r="D50" s="18">
        <v>57082</v>
      </c>
      <c r="E50" s="18">
        <v>26761</v>
      </c>
      <c r="F50" s="18">
        <v>30321</v>
      </c>
      <c r="G50" s="18">
        <v>25055</v>
      </c>
      <c r="H50" s="18">
        <v>57062</v>
      </c>
      <c r="I50" s="18">
        <v>26759</v>
      </c>
      <c r="J50" s="18">
        <v>30303</v>
      </c>
      <c r="K50" s="19">
        <v>25067</v>
      </c>
    </row>
    <row r="51" spans="1:11" ht="9.75" customHeight="1" x14ac:dyDescent="0.15">
      <c r="A51" s="34" t="s">
        <v>49</v>
      </c>
      <c r="B51" s="35"/>
      <c r="C51" s="5"/>
      <c r="D51" s="18">
        <v>41770</v>
      </c>
      <c r="E51" s="18">
        <v>19994</v>
      </c>
      <c r="F51" s="18">
        <v>21776</v>
      </c>
      <c r="G51" s="18">
        <v>17251</v>
      </c>
      <c r="H51" s="18">
        <v>41658</v>
      </c>
      <c r="I51" s="18">
        <v>19941</v>
      </c>
      <c r="J51" s="18">
        <v>21717</v>
      </c>
      <c r="K51" s="19">
        <v>17218</v>
      </c>
    </row>
    <row r="52" spans="1:11" ht="9.75" customHeight="1" x14ac:dyDescent="0.15">
      <c r="A52" s="34" t="s">
        <v>50</v>
      </c>
      <c r="B52" s="35"/>
      <c r="C52" s="5"/>
      <c r="D52" s="18">
        <v>161951</v>
      </c>
      <c r="E52" s="18">
        <v>81874</v>
      </c>
      <c r="F52" s="18">
        <v>80077</v>
      </c>
      <c r="G52" s="18">
        <v>70696</v>
      </c>
      <c r="H52" s="18">
        <v>161983</v>
      </c>
      <c r="I52" s="18">
        <v>81867</v>
      </c>
      <c r="J52" s="18">
        <v>80116</v>
      </c>
      <c r="K52" s="19">
        <v>70796</v>
      </c>
    </row>
    <row r="53" spans="1:11" ht="9.75" customHeight="1" x14ac:dyDescent="0.15">
      <c r="A53" s="34" t="s">
        <v>51</v>
      </c>
      <c r="B53" s="35"/>
      <c r="C53" s="5"/>
      <c r="D53" s="18">
        <v>223902</v>
      </c>
      <c r="E53" s="18">
        <v>115455</v>
      </c>
      <c r="F53" s="18">
        <v>108447</v>
      </c>
      <c r="G53" s="18">
        <v>101483</v>
      </c>
      <c r="H53" s="18">
        <v>223922</v>
      </c>
      <c r="I53" s="18">
        <v>115462</v>
      </c>
      <c r="J53" s="18">
        <v>108460</v>
      </c>
      <c r="K53" s="19">
        <v>101580</v>
      </c>
    </row>
    <row r="54" spans="1:11" ht="9.75" customHeight="1" x14ac:dyDescent="0.15">
      <c r="A54" s="34" t="s">
        <v>52</v>
      </c>
      <c r="B54" s="35"/>
      <c r="C54" s="5"/>
      <c r="D54" s="18">
        <v>240581</v>
      </c>
      <c r="E54" s="18">
        <v>120141</v>
      </c>
      <c r="F54" s="18">
        <v>120440</v>
      </c>
      <c r="G54" s="18">
        <v>112092</v>
      </c>
      <c r="H54" s="18">
        <v>240711</v>
      </c>
      <c r="I54" s="18">
        <v>120187</v>
      </c>
      <c r="J54" s="18">
        <v>120524</v>
      </c>
      <c r="K54" s="19">
        <v>112233</v>
      </c>
    </row>
    <row r="55" spans="1:11" ht="9.75" customHeight="1" x14ac:dyDescent="0.15">
      <c r="A55" s="34" t="s">
        <v>53</v>
      </c>
      <c r="B55" s="35"/>
      <c r="C55" s="5"/>
      <c r="D55" s="18">
        <v>101403</v>
      </c>
      <c r="E55" s="18">
        <v>51377</v>
      </c>
      <c r="F55" s="18">
        <v>50026</v>
      </c>
      <c r="G55" s="18">
        <v>45633</v>
      </c>
      <c r="H55" s="18">
        <v>101362</v>
      </c>
      <c r="I55" s="18">
        <v>51344</v>
      </c>
      <c r="J55" s="18">
        <v>50018</v>
      </c>
      <c r="K55" s="19">
        <v>45637</v>
      </c>
    </row>
    <row r="56" spans="1:11" ht="9.75" customHeight="1" x14ac:dyDescent="0.15">
      <c r="A56" s="34" t="s">
        <v>54</v>
      </c>
      <c r="B56" s="35"/>
      <c r="C56" s="5"/>
      <c r="D56" s="18">
        <v>137231</v>
      </c>
      <c r="E56" s="18">
        <v>68920</v>
      </c>
      <c r="F56" s="18">
        <v>68311</v>
      </c>
      <c r="G56" s="18">
        <v>59106</v>
      </c>
      <c r="H56" s="18">
        <v>137248</v>
      </c>
      <c r="I56" s="18">
        <v>68950</v>
      </c>
      <c r="J56" s="18">
        <v>68298</v>
      </c>
      <c r="K56" s="19">
        <v>59156</v>
      </c>
    </row>
    <row r="57" spans="1:11" ht="9.75" customHeight="1" x14ac:dyDescent="0.15">
      <c r="A57" s="34" t="s">
        <v>55</v>
      </c>
      <c r="B57" s="35"/>
      <c r="C57" s="5"/>
      <c r="D57" s="18">
        <v>132272</v>
      </c>
      <c r="E57" s="18">
        <v>65912</v>
      </c>
      <c r="F57" s="18">
        <v>66360</v>
      </c>
      <c r="G57" s="18">
        <v>60616</v>
      </c>
      <c r="H57" s="18">
        <v>132259</v>
      </c>
      <c r="I57" s="18">
        <v>65872</v>
      </c>
      <c r="J57" s="18">
        <v>66387</v>
      </c>
      <c r="K57" s="19">
        <v>60650</v>
      </c>
    </row>
    <row r="58" spans="1:11" ht="9.75" customHeight="1" x14ac:dyDescent="0.15">
      <c r="A58" s="34" t="s">
        <v>56</v>
      </c>
      <c r="B58" s="35"/>
      <c r="C58" s="5"/>
      <c r="D58" s="18">
        <v>40533</v>
      </c>
      <c r="E58" s="18">
        <v>19833</v>
      </c>
      <c r="F58" s="18">
        <v>20700</v>
      </c>
      <c r="G58" s="18">
        <v>16297</v>
      </c>
      <c r="H58" s="18">
        <v>40528</v>
      </c>
      <c r="I58" s="18">
        <v>19841</v>
      </c>
      <c r="J58" s="18">
        <v>20687</v>
      </c>
      <c r="K58" s="19">
        <v>16337</v>
      </c>
    </row>
    <row r="59" spans="1:11" ht="9.75" customHeight="1" x14ac:dyDescent="0.15">
      <c r="A59" s="34" t="s">
        <v>57</v>
      </c>
      <c r="B59" s="35"/>
      <c r="C59" s="5"/>
      <c r="D59" s="18">
        <v>83393</v>
      </c>
      <c r="E59" s="18">
        <v>42299</v>
      </c>
      <c r="F59" s="18">
        <v>41094</v>
      </c>
      <c r="G59" s="18">
        <v>34867</v>
      </c>
      <c r="H59" s="18">
        <v>83381</v>
      </c>
      <c r="I59" s="18">
        <v>42310</v>
      </c>
      <c r="J59" s="18">
        <v>41071</v>
      </c>
      <c r="K59" s="19">
        <v>34909</v>
      </c>
    </row>
    <row r="60" spans="1:11" ht="3.75" customHeight="1" x14ac:dyDescent="0.15">
      <c r="A60" s="16"/>
      <c r="B60" s="17"/>
      <c r="C60" s="5"/>
      <c r="D60" s="18"/>
      <c r="E60" s="18"/>
      <c r="F60" s="18"/>
      <c r="G60" s="18"/>
      <c r="H60" s="18"/>
      <c r="I60" s="18"/>
      <c r="J60" s="18"/>
      <c r="K60" s="19"/>
    </row>
    <row r="61" spans="1:11" ht="9.75" customHeight="1" x14ac:dyDescent="0.15">
      <c r="A61" s="34" t="s">
        <v>58</v>
      </c>
      <c r="B61" s="35"/>
      <c r="C61" s="5"/>
      <c r="D61" s="12">
        <v>31743</v>
      </c>
      <c r="E61" s="18">
        <v>14906</v>
      </c>
      <c r="F61" s="18">
        <v>16837</v>
      </c>
      <c r="G61" s="18">
        <v>13085</v>
      </c>
      <c r="H61" s="18">
        <v>31742</v>
      </c>
      <c r="I61" s="18">
        <v>14911</v>
      </c>
      <c r="J61" s="18">
        <v>16831</v>
      </c>
      <c r="K61" s="19">
        <v>13088</v>
      </c>
    </row>
    <row r="62" spans="1:11" ht="3.75" customHeight="1" x14ac:dyDescent="0.15">
      <c r="A62" s="16"/>
      <c r="B62" s="17"/>
      <c r="C62" s="5"/>
      <c r="D62" s="18"/>
      <c r="E62" s="18"/>
      <c r="F62" s="18"/>
      <c r="G62" s="18"/>
      <c r="H62" s="18"/>
      <c r="I62" s="18"/>
      <c r="J62" s="18"/>
      <c r="K62" s="19"/>
    </row>
    <row r="63" spans="1:11" ht="9.75" customHeight="1" x14ac:dyDescent="0.15">
      <c r="A63" s="34" t="s">
        <v>59</v>
      </c>
      <c r="B63" s="35"/>
      <c r="C63" s="5"/>
      <c r="D63" s="12">
        <v>48503</v>
      </c>
      <c r="E63" s="18">
        <v>24542</v>
      </c>
      <c r="F63" s="18">
        <v>23961</v>
      </c>
      <c r="G63" s="18">
        <v>20082</v>
      </c>
      <c r="H63" s="18">
        <v>48485</v>
      </c>
      <c r="I63" s="18">
        <v>24532</v>
      </c>
      <c r="J63" s="18">
        <v>23953</v>
      </c>
      <c r="K63" s="19">
        <v>20088</v>
      </c>
    </row>
    <row r="64" spans="1:11" ht="3.75" customHeight="1" x14ac:dyDescent="0.15">
      <c r="A64" s="16"/>
      <c r="B64" s="17"/>
      <c r="C64" s="5"/>
      <c r="D64" s="18"/>
      <c r="E64" s="18"/>
      <c r="F64" s="18"/>
      <c r="G64" s="18"/>
      <c r="H64" s="18"/>
      <c r="I64" s="18"/>
      <c r="J64" s="18"/>
      <c r="K64" s="19"/>
    </row>
    <row r="65" spans="1:11" ht="9.75" customHeight="1" x14ac:dyDescent="0.15">
      <c r="A65" s="32" t="s">
        <v>60</v>
      </c>
      <c r="B65" s="33"/>
      <c r="C65" s="20"/>
      <c r="D65" s="21">
        <v>59037</v>
      </c>
      <c r="E65" s="21">
        <v>28587</v>
      </c>
      <c r="F65" s="21">
        <v>30450</v>
      </c>
      <c r="G65" s="21">
        <v>24366</v>
      </c>
      <c r="H65" s="21">
        <v>59033</v>
      </c>
      <c r="I65" s="21">
        <v>28566</v>
      </c>
      <c r="J65" s="21">
        <v>30467</v>
      </c>
      <c r="K65" s="22">
        <v>24383</v>
      </c>
    </row>
    <row r="66" spans="1:11" ht="9.75" customHeight="1" x14ac:dyDescent="0.15">
      <c r="A66" s="16"/>
      <c r="B66" s="17" t="s">
        <v>61</v>
      </c>
      <c r="C66" s="5"/>
      <c r="D66" s="18">
        <v>31622</v>
      </c>
      <c r="E66" s="18">
        <v>15397</v>
      </c>
      <c r="F66" s="18">
        <v>16225</v>
      </c>
      <c r="G66" s="18">
        <v>12780</v>
      </c>
      <c r="H66" s="18">
        <v>31610</v>
      </c>
      <c r="I66" s="18">
        <v>15387</v>
      </c>
      <c r="J66" s="18">
        <v>16223</v>
      </c>
      <c r="K66" s="19">
        <v>12780</v>
      </c>
    </row>
    <row r="67" spans="1:11" ht="9.75" customHeight="1" x14ac:dyDescent="0.15">
      <c r="A67" s="16"/>
      <c r="B67" s="17" t="s">
        <v>62</v>
      </c>
      <c r="C67" s="5"/>
      <c r="D67" s="18">
        <v>27415</v>
      </c>
      <c r="E67" s="18">
        <v>13190</v>
      </c>
      <c r="F67" s="18">
        <v>14225</v>
      </c>
      <c r="G67" s="18">
        <v>11586</v>
      </c>
      <c r="H67" s="18">
        <v>27423</v>
      </c>
      <c r="I67" s="18">
        <v>13179</v>
      </c>
      <c r="J67" s="18">
        <v>14244</v>
      </c>
      <c r="K67" s="19">
        <v>11603</v>
      </c>
    </row>
    <row r="68" spans="1:11" ht="3.75" customHeight="1" x14ac:dyDescent="0.15">
      <c r="A68" s="16"/>
      <c r="B68" s="17"/>
      <c r="C68" s="5"/>
      <c r="D68" s="18"/>
      <c r="E68" s="18"/>
      <c r="F68" s="18"/>
      <c r="G68" s="18"/>
      <c r="H68" s="18"/>
      <c r="I68" s="18"/>
      <c r="J68" s="18"/>
      <c r="K68" s="19"/>
    </row>
    <row r="69" spans="1:11" ht="9.75" customHeight="1" x14ac:dyDescent="0.15">
      <c r="A69" s="32" t="s">
        <v>63</v>
      </c>
      <c r="B69" s="33"/>
      <c r="C69" s="20"/>
      <c r="D69" s="21">
        <v>65096</v>
      </c>
      <c r="E69" s="21">
        <v>32061</v>
      </c>
      <c r="F69" s="21">
        <v>33035</v>
      </c>
      <c r="G69" s="21">
        <v>25678</v>
      </c>
      <c r="H69" s="21">
        <v>65052</v>
      </c>
      <c r="I69" s="21">
        <v>32036</v>
      </c>
      <c r="J69" s="21">
        <v>33016</v>
      </c>
      <c r="K69" s="22">
        <v>25712</v>
      </c>
    </row>
    <row r="70" spans="1:11" ht="9.75" customHeight="1" x14ac:dyDescent="0.15">
      <c r="A70" s="16"/>
      <c r="B70" s="17" t="s">
        <v>64</v>
      </c>
      <c r="C70" s="5"/>
      <c r="D70" s="18">
        <v>9190</v>
      </c>
      <c r="E70" s="18">
        <v>4594</v>
      </c>
      <c r="F70" s="18">
        <v>4596</v>
      </c>
      <c r="G70" s="18">
        <v>3414</v>
      </c>
      <c r="H70" s="18">
        <v>9180</v>
      </c>
      <c r="I70" s="18">
        <v>4583</v>
      </c>
      <c r="J70" s="18">
        <v>4597</v>
      </c>
      <c r="K70" s="19">
        <v>3413</v>
      </c>
    </row>
    <row r="71" spans="1:11" ht="9.75" customHeight="1" x14ac:dyDescent="0.15">
      <c r="A71" s="16"/>
      <c r="B71" s="17" t="s">
        <v>65</v>
      </c>
      <c r="C71" s="5"/>
      <c r="D71" s="18">
        <v>17136</v>
      </c>
      <c r="E71" s="18">
        <v>8425</v>
      </c>
      <c r="F71" s="18">
        <v>8711</v>
      </c>
      <c r="G71" s="18">
        <v>6782</v>
      </c>
      <c r="H71" s="18">
        <v>17131</v>
      </c>
      <c r="I71" s="18">
        <v>8415</v>
      </c>
      <c r="J71" s="18">
        <v>8716</v>
      </c>
      <c r="K71" s="19">
        <v>6793</v>
      </c>
    </row>
    <row r="72" spans="1:11" ht="9.75" customHeight="1" x14ac:dyDescent="0.15">
      <c r="A72" s="16"/>
      <c r="B72" s="17" t="s">
        <v>66</v>
      </c>
      <c r="C72" s="5"/>
      <c r="D72" s="18">
        <v>10673</v>
      </c>
      <c r="E72" s="18">
        <v>5303</v>
      </c>
      <c r="F72" s="18">
        <v>5370</v>
      </c>
      <c r="G72" s="18">
        <v>4541</v>
      </c>
      <c r="H72" s="18">
        <v>10649</v>
      </c>
      <c r="I72" s="18">
        <v>5291</v>
      </c>
      <c r="J72" s="18">
        <v>5358</v>
      </c>
      <c r="K72" s="19">
        <v>4550</v>
      </c>
    </row>
    <row r="73" spans="1:11" ht="9.75" customHeight="1" x14ac:dyDescent="0.15">
      <c r="A73" s="16"/>
      <c r="B73" s="17" t="s">
        <v>67</v>
      </c>
      <c r="C73" s="5"/>
      <c r="D73" s="18">
        <v>9651</v>
      </c>
      <c r="E73" s="18">
        <v>4780</v>
      </c>
      <c r="F73" s="18">
        <v>4871</v>
      </c>
      <c r="G73" s="18">
        <v>3929</v>
      </c>
      <c r="H73" s="18">
        <v>9642</v>
      </c>
      <c r="I73" s="18">
        <v>4781</v>
      </c>
      <c r="J73" s="18">
        <v>4861</v>
      </c>
      <c r="K73" s="19">
        <v>3932</v>
      </c>
    </row>
    <row r="74" spans="1:11" ht="9.75" customHeight="1" x14ac:dyDescent="0.15">
      <c r="A74" s="16"/>
      <c r="B74" s="17" t="s">
        <v>68</v>
      </c>
      <c r="C74" s="5"/>
      <c r="D74" s="18">
        <v>18446</v>
      </c>
      <c r="E74" s="18">
        <v>8959</v>
      </c>
      <c r="F74" s="18">
        <v>9487</v>
      </c>
      <c r="G74" s="18">
        <v>7012</v>
      </c>
      <c r="H74" s="18">
        <v>18450</v>
      </c>
      <c r="I74" s="18">
        <v>8966</v>
      </c>
      <c r="J74" s="18">
        <v>9484</v>
      </c>
      <c r="K74" s="19">
        <v>7024</v>
      </c>
    </row>
    <row r="75" spans="1:11" ht="3.75" customHeight="1" x14ac:dyDescent="0.15">
      <c r="A75" s="16"/>
      <c r="B75" s="17"/>
      <c r="C75" s="5"/>
      <c r="D75" s="18"/>
      <c r="E75" s="18"/>
      <c r="F75" s="18"/>
      <c r="G75" s="18"/>
      <c r="H75" s="18"/>
      <c r="I75" s="18"/>
      <c r="J75" s="18"/>
      <c r="K75" s="19"/>
    </row>
    <row r="76" spans="1:11" ht="9.75" customHeight="1" x14ac:dyDescent="0.15">
      <c r="A76" s="32" t="s">
        <v>69</v>
      </c>
      <c r="B76" s="33"/>
      <c r="C76" s="20"/>
      <c r="D76" s="21">
        <v>41173</v>
      </c>
      <c r="E76" s="21">
        <v>19286</v>
      </c>
      <c r="F76" s="21">
        <v>21887</v>
      </c>
      <c r="G76" s="21">
        <v>20158</v>
      </c>
      <c r="H76" s="21">
        <v>41157</v>
      </c>
      <c r="I76" s="21">
        <v>19278</v>
      </c>
      <c r="J76" s="21">
        <v>21879</v>
      </c>
      <c r="K76" s="22">
        <v>20172</v>
      </c>
    </row>
    <row r="77" spans="1:11" ht="9.75" customHeight="1" x14ac:dyDescent="0.15">
      <c r="A77" s="16"/>
      <c r="B77" s="17" t="s">
        <v>70</v>
      </c>
      <c r="C77" s="5"/>
      <c r="D77" s="18">
        <v>11281</v>
      </c>
      <c r="E77" s="18">
        <v>5409</v>
      </c>
      <c r="F77" s="18">
        <v>5872</v>
      </c>
      <c r="G77" s="18">
        <v>6453</v>
      </c>
      <c r="H77" s="18">
        <v>11307</v>
      </c>
      <c r="I77" s="18">
        <v>5418</v>
      </c>
      <c r="J77" s="18">
        <v>5889</v>
      </c>
      <c r="K77" s="19">
        <v>6482</v>
      </c>
    </row>
    <row r="78" spans="1:11" ht="9.75" customHeight="1" x14ac:dyDescent="0.15">
      <c r="A78" s="16"/>
      <c r="B78" s="17" t="s">
        <v>71</v>
      </c>
      <c r="C78" s="5"/>
      <c r="D78" s="18">
        <v>6653</v>
      </c>
      <c r="E78" s="18">
        <v>3092</v>
      </c>
      <c r="F78" s="18">
        <v>3561</v>
      </c>
      <c r="G78" s="18">
        <v>2949</v>
      </c>
      <c r="H78" s="18">
        <v>6636</v>
      </c>
      <c r="I78" s="18">
        <v>3082</v>
      </c>
      <c r="J78" s="18">
        <v>3554</v>
      </c>
      <c r="K78" s="19">
        <v>2949</v>
      </c>
    </row>
    <row r="79" spans="1:11" ht="9.75" customHeight="1" x14ac:dyDescent="0.15">
      <c r="A79" s="16"/>
      <c r="B79" s="17" t="s">
        <v>72</v>
      </c>
      <c r="C79" s="5"/>
      <c r="D79" s="18">
        <v>23239</v>
      </c>
      <c r="E79" s="18">
        <v>10785</v>
      </c>
      <c r="F79" s="18">
        <v>12454</v>
      </c>
      <c r="G79" s="18">
        <v>10756</v>
      </c>
      <c r="H79" s="18">
        <v>23214</v>
      </c>
      <c r="I79" s="18">
        <v>10778</v>
      </c>
      <c r="J79" s="18">
        <v>12436</v>
      </c>
      <c r="K79" s="19">
        <v>10741</v>
      </c>
    </row>
    <row r="80" spans="1:11" ht="3.75" customHeight="1" x14ac:dyDescent="0.15">
      <c r="A80" s="16"/>
      <c r="B80" s="17"/>
      <c r="C80" s="5"/>
      <c r="D80" s="18"/>
      <c r="E80" s="18"/>
      <c r="F80" s="18"/>
      <c r="G80" s="18"/>
      <c r="H80" s="18"/>
      <c r="I80" s="18"/>
      <c r="J80" s="18"/>
      <c r="K80" s="19"/>
    </row>
    <row r="81" spans="1:11" ht="9.75" customHeight="1" x14ac:dyDescent="0.15">
      <c r="A81" s="32" t="s">
        <v>73</v>
      </c>
      <c r="B81" s="33"/>
      <c r="C81" s="20"/>
      <c r="D81" s="21">
        <v>42583</v>
      </c>
      <c r="E81" s="21">
        <v>22294</v>
      </c>
      <c r="F81" s="21">
        <v>20289</v>
      </c>
      <c r="G81" s="21">
        <v>18259</v>
      </c>
      <c r="H81" s="21">
        <v>42565</v>
      </c>
      <c r="I81" s="21">
        <v>22290</v>
      </c>
      <c r="J81" s="21">
        <v>20275</v>
      </c>
      <c r="K81" s="22">
        <v>18272</v>
      </c>
    </row>
    <row r="82" spans="1:11" ht="9.75" customHeight="1" x14ac:dyDescent="0.15">
      <c r="A82" s="16"/>
      <c r="B82" s="17" t="s">
        <v>74</v>
      </c>
      <c r="C82" s="5"/>
      <c r="D82" s="18">
        <v>39575</v>
      </c>
      <c r="E82" s="18">
        <v>20759</v>
      </c>
      <c r="F82" s="18">
        <v>18816</v>
      </c>
      <c r="G82" s="18">
        <v>17141</v>
      </c>
      <c r="H82" s="18">
        <v>39553</v>
      </c>
      <c r="I82" s="18">
        <v>20754</v>
      </c>
      <c r="J82" s="18">
        <v>18799</v>
      </c>
      <c r="K82" s="19">
        <v>17154</v>
      </c>
    </row>
    <row r="83" spans="1:11" ht="9.75" customHeight="1" x14ac:dyDescent="0.15">
      <c r="A83" s="16"/>
      <c r="B83" s="17" t="s">
        <v>75</v>
      </c>
      <c r="C83" s="5"/>
      <c r="D83" s="18">
        <v>3008</v>
      </c>
      <c r="E83" s="18">
        <v>1535</v>
      </c>
      <c r="F83" s="18">
        <v>1473</v>
      </c>
      <c r="G83" s="18">
        <v>1118</v>
      </c>
      <c r="H83" s="18">
        <v>3012</v>
      </c>
      <c r="I83" s="18">
        <v>1536</v>
      </c>
      <c r="J83" s="18">
        <v>1476</v>
      </c>
      <c r="K83" s="19">
        <v>1118</v>
      </c>
    </row>
    <row r="84" spans="1:11" ht="3.75" customHeight="1" thickBot="1" x14ac:dyDescent="0.2">
      <c r="A84" s="23"/>
      <c r="B84" s="24"/>
      <c r="C84" s="24"/>
      <c r="D84" s="25"/>
      <c r="E84" s="25"/>
      <c r="F84" s="25"/>
      <c r="G84" s="25"/>
      <c r="H84" s="25"/>
      <c r="I84" s="25"/>
      <c r="J84" s="25"/>
      <c r="K84" s="26"/>
    </row>
    <row r="85" spans="1:11" ht="9.75" customHeight="1" x14ac:dyDescent="0.15"/>
  </sheetData>
  <mergeCells count="34">
    <mergeCell ref="A39:B39"/>
    <mergeCell ref="A1:K1"/>
    <mergeCell ref="A2:C2"/>
    <mergeCell ref="I2:K2"/>
    <mergeCell ref="A3:C4"/>
    <mergeCell ref="D3:G3"/>
    <mergeCell ref="H3:K3"/>
    <mergeCell ref="A6:B6"/>
    <mergeCell ref="A7:B7"/>
    <mergeCell ref="A8:B8"/>
    <mergeCell ref="A10:B10"/>
    <mergeCell ref="A30:B30"/>
    <mergeCell ref="A55:B55"/>
    <mergeCell ref="A44:B44"/>
    <mergeCell ref="A45:B45"/>
    <mergeCell ref="A46:B46"/>
    <mergeCell ref="A47:B47"/>
    <mergeCell ref="A48:B48"/>
    <mergeCell ref="A49:B49"/>
    <mergeCell ref="A50:B50"/>
    <mergeCell ref="A51:B51"/>
    <mergeCell ref="A52:B52"/>
    <mergeCell ref="A53:B53"/>
    <mergeCell ref="A54:B54"/>
    <mergeCell ref="A65:B65"/>
    <mergeCell ref="A69:B69"/>
    <mergeCell ref="A76:B76"/>
    <mergeCell ref="A81:B81"/>
    <mergeCell ref="A56:B56"/>
    <mergeCell ref="A57:B57"/>
    <mergeCell ref="A58:B58"/>
    <mergeCell ref="A59:B59"/>
    <mergeCell ref="A61:B61"/>
    <mergeCell ref="A63:B63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V85"/>
  <sheetViews>
    <sheetView view="pageBreakPreview" zoomScaleNormal="115" zoomScaleSheetLayoutView="100" workbookViewId="0">
      <selection sqref="A1:K1"/>
    </sheetView>
  </sheetViews>
  <sheetFormatPr defaultRowHeight="14.25" x14ac:dyDescent="0.15"/>
  <cols>
    <col min="1" max="1" width="1.75" style="29" customWidth="1"/>
    <col min="2" max="2" width="7.5" style="29" customWidth="1"/>
    <col min="3" max="3" width="1.25" style="29" customWidth="1"/>
    <col min="4" max="11" width="8.5" style="29" customWidth="1"/>
    <col min="12" max="18" width="6.875" style="29" customWidth="1"/>
  </cols>
  <sheetData>
    <row r="1" spans="1:22" ht="18.75" customHeight="1" x14ac:dyDescent="0.15">
      <c r="A1" s="36" t="s">
        <v>86</v>
      </c>
      <c r="B1" s="36"/>
      <c r="C1" s="36"/>
      <c r="D1" s="36"/>
      <c r="E1" s="36"/>
      <c r="F1" s="36"/>
      <c r="G1" s="36"/>
      <c r="H1" s="36"/>
      <c r="I1" s="36"/>
      <c r="J1" s="36"/>
      <c r="K1" s="36"/>
    </row>
    <row r="2" spans="1:22" ht="15" customHeight="1" thickBot="1" x14ac:dyDescent="0.2">
      <c r="A2" s="37" t="s">
        <v>1</v>
      </c>
      <c r="B2" s="37"/>
      <c r="C2" s="37"/>
      <c r="I2" s="38"/>
      <c r="J2" s="38"/>
      <c r="K2" s="38"/>
    </row>
    <row r="3" spans="1:22" ht="15" customHeight="1" x14ac:dyDescent="0.15">
      <c r="A3" s="39" t="s">
        <v>2</v>
      </c>
      <c r="B3" s="40"/>
      <c r="C3" s="40"/>
      <c r="D3" s="43" t="s">
        <v>85</v>
      </c>
      <c r="E3" s="40"/>
      <c r="F3" s="40"/>
      <c r="G3" s="44"/>
      <c r="H3" s="43" t="s">
        <v>84</v>
      </c>
      <c r="I3" s="40"/>
      <c r="J3" s="40"/>
      <c r="K3" s="45"/>
    </row>
    <row r="4" spans="1:22" ht="15" customHeight="1" x14ac:dyDescent="0.15">
      <c r="A4" s="41"/>
      <c r="B4" s="42"/>
      <c r="C4" s="42"/>
      <c r="D4" s="2" t="s">
        <v>3</v>
      </c>
      <c r="E4" s="2" t="s">
        <v>4</v>
      </c>
      <c r="F4" s="2" t="s">
        <v>5</v>
      </c>
      <c r="G4" s="2" t="s">
        <v>6</v>
      </c>
      <c r="H4" s="2" t="s">
        <v>7</v>
      </c>
      <c r="I4" s="2" t="s">
        <v>4</v>
      </c>
      <c r="J4" s="2" t="s">
        <v>5</v>
      </c>
      <c r="K4" s="3" t="s">
        <v>6</v>
      </c>
    </row>
    <row r="5" spans="1:22" ht="10.5" customHeight="1" x14ac:dyDescent="0.15">
      <c r="A5" s="4"/>
      <c r="B5" s="5"/>
      <c r="C5" s="5"/>
      <c r="D5" s="6" t="s">
        <v>8</v>
      </c>
      <c r="E5" s="6" t="s">
        <v>8</v>
      </c>
      <c r="F5" s="6" t="s">
        <v>8</v>
      </c>
      <c r="G5" s="6" t="s">
        <v>9</v>
      </c>
      <c r="H5" s="6" t="s">
        <v>8</v>
      </c>
      <c r="I5" s="6" t="s">
        <v>8</v>
      </c>
      <c r="J5" s="6" t="s">
        <v>8</v>
      </c>
      <c r="K5" s="7" t="s">
        <v>9</v>
      </c>
    </row>
    <row r="6" spans="1:22" ht="9.75" customHeight="1" x14ac:dyDescent="0.15">
      <c r="A6" s="46" t="s">
        <v>10</v>
      </c>
      <c r="B6" s="47"/>
      <c r="C6" s="8"/>
      <c r="D6" s="9">
        <v>9241927</v>
      </c>
      <c r="E6" s="9">
        <v>4588435</v>
      </c>
      <c r="F6" s="9">
        <v>4653492</v>
      </c>
      <c r="G6" s="9">
        <v>4264546</v>
      </c>
      <c r="H6" s="9">
        <v>9239954</v>
      </c>
      <c r="I6" s="9">
        <v>4586702</v>
      </c>
      <c r="J6" s="9">
        <v>4653252</v>
      </c>
      <c r="K6" s="10">
        <v>4265389</v>
      </c>
    </row>
    <row r="7" spans="1:22" s="14" customFormat="1" ht="9.75" customHeight="1" x14ac:dyDescent="0.15">
      <c r="A7" s="30" t="s">
        <v>11</v>
      </c>
      <c r="B7" s="31"/>
      <c r="C7" s="11"/>
      <c r="D7" s="12">
        <v>8954072</v>
      </c>
      <c r="E7" s="12">
        <v>4446908</v>
      </c>
      <c r="F7" s="12">
        <v>4507164</v>
      </c>
      <c r="G7" s="12">
        <v>4142867</v>
      </c>
      <c r="H7" s="12">
        <v>8952190</v>
      </c>
      <c r="I7" s="12">
        <v>4445245</v>
      </c>
      <c r="J7" s="12">
        <v>4506945</v>
      </c>
      <c r="K7" s="13">
        <v>4143625</v>
      </c>
      <c r="S7" s="15"/>
      <c r="T7" s="15"/>
      <c r="U7" s="15"/>
      <c r="V7" s="15"/>
    </row>
    <row r="8" spans="1:22" s="14" customFormat="1" ht="9.75" customHeight="1" x14ac:dyDescent="0.15">
      <c r="A8" s="30" t="s">
        <v>12</v>
      </c>
      <c r="B8" s="31"/>
      <c r="C8" s="11"/>
      <c r="D8" s="12">
        <v>287855</v>
      </c>
      <c r="E8" s="12">
        <v>141527</v>
      </c>
      <c r="F8" s="12">
        <v>146328</v>
      </c>
      <c r="G8" s="12">
        <v>121679</v>
      </c>
      <c r="H8" s="12">
        <v>287764</v>
      </c>
      <c r="I8" s="12">
        <v>141457</v>
      </c>
      <c r="J8" s="12">
        <v>146307</v>
      </c>
      <c r="K8" s="13">
        <v>121764</v>
      </c>
      <c r="S8" s="15"/>
      <c r="T8" s="15"/>
      <c r="U8" s="15"/>
      <c r="V8" s="15"/>
    </row>
    <row r="9" spans="1:22" ht="3.75" customHeight="1" x14ac:dyDescent="0.15">
      <c r="A9" s="27"/>
      <c r="B9" s="28"/>
      <c r="C9" s="5"/>
      <c r="D9" s="18"/>
      <c r="E9" s="18"/>
      <c r="F9" s="18"/>
      <c r="G9" s="18"/>
      <c r="H9" s="18"/>
      <c r="I9" s="18"/>
      <c r="J9" s="18"/>
      <c r="K9" s="19"/>
    </row>
    <row r="10" spans="1:22" ht="9.75" customHeight="1" x14ac:dyDescent="0.15">
      <c r="A10" s="32" t="s">
        <v>13</v>
      </c>
      <c r="B10" s="33"/>
      <c r="C10" s="20"/>
      <c r="D10" s="21">
        <v>3778564</v>
      </c>
      <c r="E10" s="21">
        <v>1866812</v>
      </c>
      <c r="F10" s="21">
        <v>1911752</v>
      </c>
      <c r="G10" s="21">
        <v>1768319</v>
      </c>
      <c r="H10" s="21">
        <v>3778049</v>
      </c>
      <c r="I10" s="21">
        <v>1866464</v>
      </c>
      <c r="J10" s="21">
        <v>1911585</v>
      </c>
      <c r="K10" s="22">
        <v>1768468</v>
      </c>
    </row>
    <row r="11" spans="1:22" ht="9.75" customHeight="1" x14ac:dyDescent="0.15">
      <c r="A11" s="27"/>
      <c r="B11" s="28" t="s">
        <v>14</v>
      </c>
      <c r="C11" s="5"/>
      <c r="D11" s="18">
        <v>296822</v>
      </c>
      <c r="E11" s="18">
        <v>153093</v>
      </c>
      <c r="F11" s="18">
        <v>143729</v>
      </c>
      <c r="G11" s="18">
        <v>146362</v>
      </c>
      <c r="H11" s="18">
        <v>296586</v>
      </c>
      <c r="I11" s="18">
        <v>152977</v>
      </c>
      <c r="J11" s="18">
        <v>143609</v>
      </c>
      <c r="K11" s="19">
        <v>146205</v>
      </c>
    </row>
    <row r="12" spans="1:22" ht="9.75" customHeight="1" x14ac:dyDescent="0.15">
      <c r="A12" s="27"/>
      <c r="B12" s="28" t="s">
        <v>15</v>
      </c>
      <c r="C12" s="5"/>
      <c r="D12" s="18">
        <v>247789</v>
      </c>
      <c r="E12" s="18">
        <v>126372</v>
      </c>
      <c r="F12" s="18">
        <v>121417</v>
      </c>
      <c r="G12" s="18">
        <v>130646</v>
      </c>
      <c r="H12" s="18">
        <v>247798</v>
      </c>
      <c r="I12" s="18">
        <v>126391</v>
      </c>
      <c r="J12" s="18">
        <v>121407</v>
      </c>
      <c r="K12" s="19">
        <v>130665</v>
      </c>
    </row>
    <row r="13" spans="1:22" ht="9.75" customHeight="1" x14ac:dyDescent="0.15">
      <c r="A13" s="27"/>
      <c r="B13" s="28" t="s">
        <v>16</v>
      </c>
      <c r="C13" s="5"/>
      <c r="D13" s="18">
        <v>104807</v>
      </c>
      <c r="E13" s="18">
        <v>53013</v>
      </c>
      <c r="F13" s="18">
        <v>51794</v>
      </c>
      <c r="G13" s="18">
        <v>57421</v>
      </c>
      <c r="H13" s="18">
        <v>104816</v>
      </c>
      <c r="I13" s="18">
        <v>53017</v>
      </c>
      <c r="J13" s="18">
        <v>51799</v>
      </c>
      <c r="K13" s="19">
        <v>57440</v>
      </c>
    </row>
    <row r="14" spans="1:22" ht="9.75" customHeight="1" x14ac:dyDescent="0.15">
      <c r="A14" s="27"/>
      <c r="B14" s="28" t="s">
        <v>17</v>
      </c>
      <c r="C14" s="5"/>
      <c r="D14" s="18">
        <v>151035</v>
      </c>
      <c r="E14" s="18">
        <v>76900</v>
      </c>
      <c r="F14" s="18">
        <v>74135</v>
      </c>
      <c r="G14" s="18">
        <v>85404</v>
      </c>
      <c r="H14" s="18">
        <v>150893</v>
      </c>
      <c r="I14" s="18">
        <v>76829</v>
      </c>
      <c r="J14" s="18">
        <v>74064</v>
      </c>
      <c r="K14" s="19">
        <v>85306</v>
      </c>
    </row>
    <row r="15" spans="1:22" ht="9.75" customHeight="1" x14ac:dyDescent="0.15">
      <c r="A15" s="27"/>
      <c r="B15" s="28" t="s">
        <v>18</v>
      </c>
      <c r="C15" s="5"/>
      <c r="D15" s="18">
        <v>197996</v>
      </c>
      <c r="E15" s="18">
        <v>98875</v>
      </c>
      <c r="F15" s="18">
        <v>99121</v>
      </c>
      <c r="G15" s="18">
        <v>104636</v>
      </c>
      <c r="H15" s="18">
        <v>197958</v>
      </c>
      <c r="I15" s="18">
        <v>98824</v>
      </c>
      <c r="J15" s="18">
        <v>99134</v>
      </c>
      <c r="K15" s="19">
        <v>104705</v>
      </c>
    </row>
    <row r="16" spans="1:22" ht="9.75" customHeight="1" x14ac:dyDescent="0.15">
      <c r="A16" s="27"/>
      <c r="B16" s="28" t="s">
        <v>19</v>
      </c>
      <c r="C16" s="5"/>
      <c r="D16" s="18">
        <v>215248</v>
      </c>
      <c r="E16" s="18">
        <v>104968</v>
      </c>
      <c r="F16" s="18">
        <v>110280</v>
      </c>
      <c r="G16" s="18">
        <v>96375</v>
      </c>
      <c r="H16" s="18">
        <v>215271</v>
      </c>
      <c r="I16" s="18">
        <v>104986</v>
      </c>
      <c r="J16" s="18">
        <v>110285</v>
      </c>
      <c r="K16" s="19">
        <v>96431</v>
      </c>
    </row>
    <row r="17" spans="1:11" ht="9.75" customHeight="1" x14ac:dyDescent="0.15">
      <c r="A17" s="27"/>
      <c r="B17" s="28" t="s">
        <v>20</v>
      </c>
      <c r="C17" s="5"/>
      <c r="D17" s="18">
        <v>207502</v>
      </c>
      <c r="E17" s="18">
        <v>101738</v>
      </c>
      <c r="F17" s="18">
        <v>105764</v>
      </c>
      <c r="G17" s="18">
        <v>99866</v>
      </c>
      <c r="H17" s="18">
        <v>207421</v>
      </c>
      <c r="I17" s="18">
        <v>101684</v>
      </c>
      <c r="J17" s="18">
        <v>105737</v>
      </c>
      <c r="K17" s="19">
        <v>99861</v>
      </c>
    </row>
    <row r="18" spans="1:11" ht="9.75" customHeight="1" x14ac:dyDescent="0.15">
      <c r="A18" s="27"/>
      <c r="B18" s="28" t="s">
        <v>21</v>
      </c>
      <c r="C18" s="5"/>
      <c r="D18" s="18">
        <v>243981</v>
      </c>
      <c r="E18" s="18">
        <v>117692</v>
      </c>
      <c r="F18" s="18">
        <v>126289</v>
      </c>
      <c r="G18" s="18">
        <v>107377</v>
      </c>
      <c r="H18" s="18">
        <v>243885</v>
      </c>
      <c r="I18" s="18">
        <v>117660</v>
      </c>
      <c r="J18" s="18">
        <v>126225</v>
      </c>
      <c r="K18" s="19">
        <v>107398</v>
      </c>
    </row>
    <row r="19" spans="1:11" ht="9.75" customHeight="1" x14ac:dyDescent="0.15">
      <c r="A19" s="27"/>
      <c r="B19" s="28" t="s">
        <v>22</v>
      </c>
      <c r="C19" s="5"/>
      <c r="D19" s="18">
        <v>166431</v>
      </c>
      <c r="E19" s="18">
        <v>81860</v>
      </c>
      <c r="F19" s="18">
        <v>84571</v>
      </c>
      <c r="G19" s="18">
        <v>79149</v>
      </c>
      <c r="H19" s="18">
        <v>166436</v>
      </c>
      <c r="I19" s="18">
        <v>81836</v>
      </c>
      <c r="J19" s="18">
        <v>84600</v>
      </c>
      <c r="K19" s="19">
        <v>79162</v>
      </c>
    </row>
    <row r="20" spans="1:11" ht="9.75" customHeight="1" x14ac:dyDescent="0.15">
      <c r="A20" s="27"/>
      <c r="B20" s="28" t="s">
        <v>23</v>
      </c>
      <c r="C20" s="5"/>
      <c r="D20" s="18">
        <v>198329</v>
      </c>
      <c r="E20" s="18">
        <v>96511</v>
      </c>
      <c r="F20" s="18">
        <v>101818</v>
      </c>
      <c r="G20" s="18">
        <v>90539</v>
      </c>
      <c r="H20" s="18">
        <v>198146</v>
      </c>
      <c r="I20" s="18">
        <v>96397</v>
      </c>
      <c r="J20" s="18">
        <v>101749</v>
      </c>
      <c r="K20" s="19">
        <v>90480</v>
      </c>
    </row>
    <row r="21" spans="1:11" ht="9.75" customHeight="1" x14ac:dyDescent="0.15">
      <c r="A21" s="27"/>
      <c r="B21" s="28" t="s">
        <v>24</v>
      </c>
      <c r="C21" s="5"/>
      <c r="D21" s="18">
        <v>360119</v>
      </c>
      <c r="E21" s="18">
        <v>179787</v>
      </c>
      <c r="F21" s="18">
        <v>180332</v>
      </c>
      <c r="G21" s="18">
        <v>177373</v>
      </c>
      <c r="H21" s="18">
        <v>360142</v>
      </c>
      <c r="I21" s="18">
        <v>179810</v>
      </c>
      <c r="J21" s="18">
        <v>180332</v>
      </c>
      <c r="K21" s="19">
        <v>177348</v>
      </c>
    </row>
    <row r="22" spans="1:11" ht="9.75" customHeight="1" x14ac:dyDescent="0.15">
      <c r="A22" s="27"/>
      <c r="B22" s="28" t="s">
        <v>25</v>
      </c>
      <c r="C22" s="5"/>
      <c r="D22" s="18">
        <v>183436</v>
      </c>
      <c r="E22" s="18">
        <v>90255</v>
      </c>
      <c r="F22" s="18">
        <v>93181</v>
      </c>
      <c r="G22" s="18">
        <v>80299</v>
      </c>
      <c r="H22" s="18">
        <v>183466</v>
      </c>
      <c r="I22" s="18">
        <v>90257</v>
      </c>
      <c r="J22" s="18">
        <v>93209</v>
      </c>
      <c r="K22" s="19">
        <v>80356</v>
      </c>
    </row>
    <row r="23" spans="1:11" ht="9.75" customHeight="1" x14ac:dyDescent="0.15">
      <c r="A23" s="27"/>
      <c r="B23" s="28" t="s">
        <v>26</v>
      </c>
      <c r="C23" s="5"/>
      <c r="D23" s="18">
        <v>311185</v>
      </c>
      <c r="E23" s="18">
        <v>150230</v>
      </c>
      <c r="F23" s="18">
        <v>160955</v>
      </c>
      <c r="G23" s="18">
        <v>134067</v>
      </c>
      <c r="H23" s="18">
        <v>311213</v>
      </c>
      <c r="I23" s="18">
        <v>150238</v>
      </c>
      <c r="J23" s="18">
        <v>160975</v>
      </c>
      <c r="K23" s="19">
        <v>134123</v>
      </c>
    </row>
    <row r="24" spans="1:11" ht="9.75" customHeight="1" x14ac:dyDescent="0.15">
      <c r="A24" s="27"/>
      <c r="B24" s="28" t="s">
        <v>27</v>
      </c>
      <c r="C24" s="5"/>
      <c r="D24" s="18">
        <v>214728</v>
      </c>
      <c r="E24" s="18">
        <v>105273</v>
      </c>
      <c r="F24" s="18">
        <v>109455</v>
      </c>
      <c r="G24" s="18">
        <v>85996</v>
      </c>
      <c r="H24" s="18">
        <v>214723</v>
      </c>
      <c r="I24" s="18">
        <v>105266</v>
      </c>
      <c r="J24" s="18">
        <v>109457</v>
      </c>
      <c r="K24" s="19">
        <v>86036</v>
      </c>
    </row>
    <row r="25" spans="1:11" ht="9.75" customHeight="1" x14ac:dyDescent="0.15">
      <c r="A25" s="27"/>
      <c r="B25" s="28" t="s">
        <v>28</v>
      </c>
      <c r="C25" s="5"/>
      <c r="D25" s="18">
        <v>284283</v>
      </c>
      <c r="E25" s="18">
        <v>138582</v>
      </c>
      <c r="F25" s="18">
        <v>145701</v>
      </c>
      <c r="G25" s="18">
        <v>123375</v>
      </c>
      <c r="H25" s="18">
        <v>284316</v>
      </c>
      <c r="I25" s="18">
        <v>138626</v>
      </c>
      <c r="J25" s="18">
        <v>145690</v>
      </c>
      <c r="K25" s="19">
        <v>123411</v>
      </c>
    </row>
    <row r="26" spans="1:11" ht="9.75" customHeight="1" x14ac:dyDescent="0.15">
      <c r="A26" s="27"/>
      <c r="B26" s="28" t="s">
        <v>29</v>
      </c>
      <c r="C26" s="5"/>
      <c r="D26" s="18">
        <v>120674</v>
      </c>
      <c r="E26" s="18">
        <v>58855</v>
      </c>
      <c r="F26" s="18">
        <v>61819</v>
      </c>
      <c r="G26" s="18">
        <v>53426</v>
      </c>
      <c r="H26" s="18">
        <v>120660</v>
      </c>
      <c r="I26" s="18">
        <v>58826</v>
      </c>
      <c r="J26" s="18">
        <v>61834</v>
      </c>
      <c r="K26" s="19">
        <v>53389</v>
      </c>
    </row>
    <row r="27" spans="1:11" ht="9.75" customHeight="1" x14ac:dyDescent="0.15">
      <c r="A27" s="27"/>
      <c r="B27" s="28" t="s">
        <v>30</v>
      </c>
      <c r="C27" s="5"/>
      <c r="D27" s="18">
        <v>152124</v>
      </c>
      <c r="E27" s="18">
        <v>73733</v>
      </c>
      <c r="F27" s="18">
        <v>78391</v>
      </c>
      <c r="G27" s="18">
        <v>63237</v>
      </c>
      <c r="H27" s="18">
        <v>152195</v>
      </c>
      <c r="I27" s="18">
        <v>73757</v>
      </c>
      <c r="J27" s="18">
        <v>78438</v>
      </c>
      <c r="K27" s="19">
        <v>63324</v>
      </c>
    </row>
    <row r="28" spans="1:11" ht="9.75" customHeight="1" x14ac:dyDescent="0.15">
      <c r="A28" s="27"/>
      <c r="B28" s="28" t="s">
        <v>31</v>
      </c>
      <c r="C28" s="5"/>
      <c r="D28" s="18">
        <v>122075</v>
      </c>
      <c r="E28" s="18">
        <v>59075</v>
      </c>
      <c r="F28" s="18">
        <v>63000</v>
      </c>
      <c r="G28" s="18">
        <v>52771</v>
      </c>
      <c r="H28" s="18">
        <v>122124</v>
      </c>
      <c r="I28" s="18">
        <v>59083</v>
      </c>
      <c r="J28" s="18">
        <v>63041</v>
      </c>
      <c r="K28" s="19">
        <v>52828</v>
      </c>
    </row>
    <row r="29" spans="1:11" ht="3.75" customHeight="1" x14ac:dyDescent="0.15">
      <c r="A29" s="27"/>
      <c r="B29" s="28"/>
      <c r="C29" s="5"/>
      <c r="D29" s="18"/>
      <c r="E29" s="18"/>
      <c r="F29" s="18"/>
      <c r="G29" s="18"/>
      <c r="H29" s="18"/>
      <c r="I29" s="18"/>
      <c r="J29" s="18"/>
      <c r="K29" s="19"/>
    </row>
    <row r="30" spans="1:11" ht="9.75" customHeight="1" x14ac:dyDescent="0.15">
      <c r="A30" s="32" t="s">
        <v>32</v>
      </c>
      <c r="B30" s="33"/>
      <c r="C30" s="20"/>
      <c r="D30" s="21">
        <v>1540953</v>
      </c>
      <c r="E30" s="21">
        <v>776624</v>
      </c>
      <c r="F30" s="21">
        <v>764329</v>
      </c>
      <c r="G30" s="21">
        <v>755504</v>
      </c>
      <c r="H30" s="21">
        <v>1540741</v>
      </c>
      <c r="I30" s="21">
        <v>776521</v>
      </c>
      <c r="J30" s="21">
        <v>764220</v>
      </c>
      <c r="K30" s="22">
        <v>755532</v>
      </c>
    </row>
    <row r="31" spans="1:11" ht="9.75" customHeight="1" x14ac:dyDescent="0.15">
      <c r="A31" s="27"/>
      <c r="B31" s="28" t="s">
        <v>33</v>
      </c>
      <c r="C31" s="5"/>
      <c r="D31" s="18">
        <v>231879</v>
      </c>
      <c r="E31" s="18">
        <v>124650</v>
      </c>
      <c r="F31" s="18">
        <v>107229</v>
      </c>
      <c r="G31" s="18">
        <v>123957</v>
      </c>
      <c r="H31" s="18">
        <v>231683</v>
      </c>
      <c r="I31" s="18">
        <v>124540</v>
      </c>
      <c r="J31" s="18">
        <v>107143</v>
      </c>
      <c r="K31" s="19">
        <v>123845</v>
      </c>
    </row>
    <row r="32" spans="1:11" ht="9.75" customHeight="1" x14ac:dyDescent="0.15">
      <c r="A32" s="27"/>
      <c r="B32" s="28" t="s">
        <v>34</v>
      </c>
      <c r="C32" s="5"/>
      <c r="D32" s="18">
        <v>170872</v>
      </c>
      <c r="E32" s="18">
        <v>86472</v>
      </c>
      <c r="F32" s="18">
        <v>84400</v>
      </c>
      <c r="G32" s="18">
        <v>80441</v>
      </c>
      <c r="H32" s="18">
        <v>170812</v>
      </c>
      <c r="I32" s="18">
        <v>86416</v>
      </c>
      <c r="J32" s="18">
        <v>84396</v>
      </c>
      <c r="K32" s="19">
        <v>80429</v>
      </c>
    </row>
    <row r="33" spans="1:11" ht="9.75" customHeight="1" x14ac:dyDescent="0.15">
      <c r="A33" s="27"/>
      <c r="B33" s="28" t="s">
        <v>35</v>
      </c>
      <c r="C33" s="5"/>
      <c r="D33" s="18">
        <v>264848</v>
      </c>
      <c r="E33" s="18">
        <v>134207</v>
      </c>
      <c r="F33" s="18">
        <v>130641</v>
      </c>
      <c r="G33" s="18">
        <v>136406</v>
      </c>
      <c r="H33" s="18">
        <v>264781</v>
      </c>
      <c r="I33" s="18">
        <v>134150</v>
      </c>
      <c r="J33" s="18">
        <v>130631</v>
      </c>
      <c r="K33" s="19">
        <v>136358</v>
      </c>
    </row>
    <row r="34" spans="1:11" ht="9.75" customHeight="1" x14ac:dyDescent="0.15">
      <c r="A34" s="27"/>
      <c r="B34" s="28" t="s">
        <v>36</v>
      </c>
      <c r="C34" s="5"/>
      <c r="D34" s="18">
        <v>234807</v>
      </c>
      <c r="E34" s="18">
        <v>116518</v>
      </c>
      <c r="F34" s="18">
        <v>118289</v>
      </c>
      <c r="G34" s="18">
        <v>115040</v>
      </c>
      <c r="H34" s="18">
        <v>234854</v>
      </c>
      <c r="I34" s="18">
        <v>116555</v>
      </c>
      <c r="J34" s="18">
        <v>118299</v>
      </c>
      <c r="K34" s="19">
        <v>115098</v>
      </c>
    </row>
    <row r="35" spans="1:11" ht="9.75" customHeight="1" x14ac:dyDescent="0.15">
      <c r="A35" s="27"/>
      <c r="B35" s="28" t="s">
        <v>37</v>
      </c>
      <c r="C35" s="5"/>
      <c r="D35" s="18">
        <v>234310</v>
      </c>
      <c r="E35" s="18">
        <v>113683</v>
      </c>
      <c r="F35" s="18">
        <v>120627</v>
      </c>
      <c r="G35" s="18">
        <v>103612</v>
      </c>
      <c r="H35" s="18">
        <v>234301</v>
      </c>
      <c r="I35" s="18">
        <v>113677</v>
      </c>
      <c r="J35" s="18">
        <v>120624</v>
      </c>
      <c r="K35" s="19">
        <v>103655</v>
      </c>
    </row>
    <row r="36" spans="1:11" ht="9.75" customHeight="1" x14ac:dyDescent="0.15">
      <c r="A36" s="27"/>
      <c r="B36" s="28" t="s">
        <v>38</v>
      </c>
      <c r="C36" s="5"/>
      <c r="D36" s="18">
        <v>223138</v>
      </c>
      <c r="E36" s="18">
        <v>113682</v>
      </c>
      <c r="F36" s="18">
        <v>109456</v>
      </c>
      <c r="G36" s="18">
        <v>115682</v>
      </c>
      <c r="H36" s="18">
        <v>223160</v>
      </c>
      <c r="I36" s="18">
        <v>113726</v>
      </c>
      <c r="J36" s="18">
        <v>109434</v>
      </c>
      <c r="K36" s="19">
        <v>115722</v>
      </c>
    </row>
    <row r="37" spans="1:11" ht="9.75" customHeight="1" x14ac:dyDescent="0.15">
      <c r="A37" s="27"/>
      <c r="B37" s="28" t="s">
        <v>39</v>
      </c>
      <c r="C37" s="5"/>
      <c r="D37" s="18">
        <v>181099</v>
      </c>
      <c r="E37" s="18">
        <v>87412</v>
      </c>
      <c r="F37" s="18">
        <v>93687</v>
      </c>
      <c r="G37" s="18">
        <v>80366</v>
      </c>
      <c r="H37" s="18">
        <v>181150</v>
      </c>
      <c r="I37" s="18">
        <v>87457</v>
      </c>
      <c r="J37" s="18">
        <v>93693</v>
      </c>
      <c r="K37" s="19">
        <v>80425</v>
      </c>
    </row>
    <row r="38" spans="1:11" ht="3.75" customHeight="1" x14ac:dyDescent="0.15">
      <c r="A38" s="27"/>
      <c r="B38" s="28"/>
      <c r="C38" s="5"/>
      <c r="D38" s="18"/>
      <c r="E38" s="18"/>
      <c r="F38" s="18"/>
      <c r="G38" s="18"/>
      <c r="H38" s="18"/>
      <c r="I38" s="18"/>
      <c r="J38" s="18"/>
      <c r="K38" s="19"/>
    </row>
    <row r="39" spans="1:11" ht="9.75" customHeight="1" x14ac:dyDescent="0.15">
      <c r="A39" s="32" t="s">
        <v>40</v>
      </c>
      <c r="B39" s="33"/>
      <c r="C39" s="20"/>
      <c r="D39" s="21">
        <v>725887</v>
      </c>
      <c r="E39" s="21">
        <v>362023</v>
      </c>
      <c r="F39" s="21">
        <v>363864</v>
      </c>
      <c r="G39" s="21">
        <v>336552</v>
      </c>
      <c r="H39" s="21">
        <v>725833</v>
      </c>
      <c r="I39" s="21">
        <v>361952</v>
      </c>
      <c r="J39" s="21">
        <v>363881</v>
      </c>
      <c r="K39" s="22">
        <v>336759</v>
      </c>
    </row>
    <row r="40" spans="1:11" ht="9.75" customHeight="1" x14ac:dyDescent="0.15">
      <c r="A40" s="27"/>
      <c r="B40" s="28" t="s">
        <v>25</v>
      </c>
      <c r="C40" s="5"/>
      <c r="D40" s="18">
        <v>169841</v>
      </c>
      <c r="E40" s="18">
        <v>85357</v>
      </c>
      <c r="F40" s="18">
        <v>84484</v>
      </c>
      <c r="G40" s="18">
        <v>75764</v>
      </c>
      <c r="H40" s="18">
        <v>169676</v>
      </c>
      <c r="I40" s="18">
        <v>85256</v>
      </c>
      <c r="J40" s="18">
        <v>84420</v>
      </c>
      <c r="K40" s="19">
        <v>75712</v>
      </c>
    </row>
    <row r="41" spans="1:11" ht="9.75" customHeight="1" x14ac:dyDescent="0.15">
      <c r="A41" s="27"/>
      <c r="B41" s="28" t="s">
        <v>41</v>
      </c>
      <c r="C41" s="5"/>
      <c r="D41" s="18">
        <v>273968</v>
      </c>
      <c r="E41" s="18">
        <v>137014</v>
      </c>
      <c r="F41" s="18">
        <v>136954</v>
      </c>
      <c r="G41" s="18">
        <v>126241</v>
      </c>
      <c r="H41" s="18">
        <v>273992</v>
      </c>
      <c r="I41" s="18">
        <v>137023</v>
      </c>
      <c r="J41" s="18">
        <v>136969</v>
      </c>
      <c r="K41" s="19">
        <v>126364</v>
      </c>
    </row>
    <row r="42" spans="1:11" ht="9.75" customHeight="1" x14ac:dyDescent="0.15">
      <c r="A42" s="27"/>
      <c r="B42" s="28" t="s">
        <v>18</v>
      </c>
      <c r="C42" s="5"/>
      <c r="D42" s="18">
        <v>282078</v>
      </c>
      <c r="E42" s="18">
        <v>139652</v>
      </c>
      <c r="F42" s="18">
        <v>142426</v>
      </c>
      <c r="G42" s="18">
        <v>134547</v>
      </c>
      <c r="H42" s="18">
        <v>282165</v>
      </c>
      <c r="I42" s="18">
        <v>139673</v>
      </c>
      <c r="J42" s="18">
        <v>142492</v>
      </c>
      <c r="K42" s="19">
        <v>134683</v>
      </c>
    </row>
    <row r="43" spans="1:11" ht="3.75" customHeight="1" x14ac:dyDescent="0.15">
      <c r="A43" s="27"/>
      <c r="B43" s="28"/>
      <c r="C43" s="5"/>
      <c r="D43" s="18"/>
      <c r="E43" s="18"/>
      <c r="F43" s="18"/>
      <c r="G43" s="18"/>
      <c r="H43" s="18"/>
      <c r="I43" s="18"/>
      <c r="J43" s="18"/>
      <c r="K43" s="19"/>
    </row>
    <row r="44" spans="1:11" ht="9.75" customHeight="1" x14ac:dyDescent="0.15">
      <c r="A44" s="34" t="s">
        <v>42</v>
      </c>
      <c r="B44" s="35"/>
      <c r="C44" s="5"/>
      <c r="D44" s="18">
        <v>386588</v>
      </c>
      <c r="E44" s="18">
        <v>193243</v>
      </c>
      <c r="F44" s="18">
        <v>193345</v>
      </c>
      <c r="G44" s="18">
        <v>165882</v>
      </c>
      <c r="H44" s="18">
        <v>385466</v>
      </c>
      <c r="I44" s="18">
        <v>192256</v>
      </c>
      <c r="J44" s="18">
        <v>193210</v>
      </c>
      <c r="K44" s="19">
        <v>165817</v>
      </c>
    </row>
    <row r="45" spans="1:11" ht="9.75" customHeight="1" x14ac:dyDescent="0.15">
      <c r="A45" s="34" t="s">
        <v>43</v>
      </c>
      <c r="B45" s="35"/>
      <c r="C45" s="5"/>
      <c r="D45" s="18">
        <v>258096</v>
      </c>
      <c r="E45" s="18">
        <v>128835</v>
      </c>
      <c r="F45" s="18">
        <v>129261</v>
      </c>
      <c r="G45" s="18">
        <v>113281</v>
      </c>
      <c r="H45" s="18">
        <v>258010</v>
      </c>
      <c r="I45" s="18">
        <v>128789</v>
      </c>
      <c r="J45" s="18">
        <v>129221</v>
      </c>
      <c r="K45" s="19">
        <v>113306</v>
      </c>
    </row>
    <row r="46" spans="1:11" ht="9.75" customHeight="1" x14ac:dyDescent="0.15">
      <c r="A46" s="34" t="s">
        <v>44</v>
      </c>
      <c r="B46" s="35"/>
      <c r="C46" s="5"/>
      <c r="D46" s="18">
        <v>172696</v>
      </c>
      <c r="E46" s="18">
        <v>81036</v>
      </c>
      <c r="F46" s="18">
        <v>91660</v>
      </c>
      <c r="G46" s="18">
        <v>76294</v>
      </c>
      <c r="H46" s="18">
        <v>172671</v>
      </c>
      <c r="I46" s="18">
        <v>81022</v>
      </c>
      <c r="J46" s="18">
        <v>91649</v>
      </c>
      <c r="K46" s="19">
        <v>76317</v>
      </c>
    </row>
    <row r="47" spans="1:11" ht="9.75" customHeight="1" x14ac:dyDescent="0.15">
      <c r="A47" s="34" t="s">
        <v>45</v>
      </c>
      <c r="B47" s="35"/>
      <c r="C47" s="5"/>
      <c r="D47" s="18">
        <v>439994</v>
      </c>
      <c r="E47" s="18">
        <v>217166</v>
      </c>
      <c r="F47" s="18">
        <v>222828</v>
      </c>
      <c r="G47" s="18">
        <v>196553</v>
      </c>
      <c r="H47" s="18">
        <v>440159</v>
      </c>
      <c r="I47" s="18">
        <v>217278</v>
      </c>
      <c r="J47" s="18">
        <v>222881</v>
      </c>
      <c r="K47" s="19">
        <v>196663</v>
      </c>
    </row>
    <row r="48" spans="1:11" ht="9.75" customHeight="1" x14ac:dyDescent="0.15">
      <c r="A48" s="34" t="s">
        <v>46</v>
      </c>
      <c r="B48" s="35"/>
      <c r="C48" s="5"/>
      <c r="D48" s="18">
        <v>188270</v>
      </c>
      <c r="E48" s="18">
        <v>90924</v>
      </c>
      <c r="F48" s="18">
        <v>97346</v>
      </c>
      <c r="G48" s="18">
        <v>82708</v>
      </c>
      <c r="H48" s="18">
        <v>188273</v>
      </c>
      <c r="I48" s="18">
        <v>90935</v>
      </c>
      <c r="J48" s="18">
        <v>97338</v>
      </c>
      <c r="K48" s="19">
        <v>82760</v>
      </c>
    </row>
    <row r="49" spans="1:11" ht="9.75" customHeight="1" x14ac:dyDescent="0.15">
      <c r="A49" s="34" t="s">
        <v>47</v>
      </c>
      <c r="B49" s="35"/>
      <c r="C49" s="5"/>
      <c r="D49" s="18">
        <v>242901</v>
      </c>
      <c r="E49" s="18">
        <v>117770</v>
      </c>
      <c r="F49" s="18">
        <v>125131</v>
      </c>
      <c r="G49" s="18">
        <v>103731</v>
      </c>
      <c r="H49" s="18">
        <v>243025</v>
      </c>
      <c r="I49" s="18">
        <v>117807</v>
      </c>
      <c r="J49" s="18">
        <v>125218</v>
      </c>
      <c r="K49" s="19">
        <v>103824</v>
      </c>
    </row>
    <row r="50" spans="1:11" ht="9.75" customHeight="1" x14ac:dyDescent="0.15">
      <c r="A50" s="34" t="s">
        <v>48</v>
      </c>
      <c r="B50" s="35"/>
      <c r="C50" s="5"/>
      <c r="D50" s="18">
        <v>57036</v>
      </c>
      <c r="E50" s="18">
        <v>26752</v>
      </c>
      <c r="F50" s="18">
        <v>30284</v>
      </c>
      <c r="G50" s="18">
        <v>25102</v>
      </c>
      <c r="H50" s="18">
        <v>57003</v>
      </c>
      <c r="I50" s="18">
        <v>26732</v>
      </c>
      <c r="J50" s="18">
        <v>30271</v>
      </c>
      <c r="K50" s="19">
        <v>25098</v>
      </c>
    </row>
    <row r="51" spans="1:11" ht="9.75" customHeight="1" x14ac:dyDescent="0.15">
      <c r="A51" s="34" t="s">
        <v>49</v>
      </c>
      <c r="B51" s="35"/>
      <c r="C51" s="5"/>
      <c r="D51" s="18">
        <v>41564</v>
      </c>
      <c r="E51" s="18">
        <v>19887</v>
      </c>
      <c r="F51" s="18">
        <v>21677</v>
      </c>
      <c r="G51" s="18">
        <v>17190</v>
      </c>
      <c r="H51" s="18">
        <v>41545</v>
      </c>
      <c r="I51" s="18">
        <v>19880</v>
      </c>
      <c r="J51" s="18">
        <v>21665</v>
      </c>
      <c r="K51" s="19">
        <v>17184</v>
      </c>
    </row>
    <row r="52" spans="1:11" ht="9.75" customHeight="1" x14ac:dyDescent="0.15">
      <c r="A52" s="34" t="s">
        <v>50</v>
      </c>
      <c r="B52" s="35"/>
      <c r="C52" s="5"/>
      <c r="D52" s="18">
        <v>161938</v>
      </c>
      <c r="E52" s="18">
        <v>81846</v>
      </c>
      <c r="F52" s="18">
        <v>80092</v>
      </c>
      <c r="G52" s="18">
        <v>70829</v>
      </c>
      <c r="H52" s="18">
        <v>161974</v>
      </c>
      <c r="I52" s="18">
        <v>81864</v>
      </c>
      <c r="J52" s="18">
        <v>80110</v>
      </c>
      <c r="K52" s="19">
        <v>70885</v>
      </c>
    </row>
    <row r="53" spans="1:11" ht="9.75" customHeight="1" x14ac:dyDescent="0.15">
      <c r="A53" s="34" t="s">
        <v>51</v>
      </c>
      <c r="B53" s="35"/>
      <c r="C53" s="5"/>
      <c r="D53" s="18">
        <v>223948</v>
      </c>
      <c r="E53" s="18">
        <v>115463</v>
      </c>
      <c r="F53" s="18">
        <v>108485</v>
      </c>
      <c r="G53" s="18">
        <v>101673</v>
      </c>
      <c r="H53" s="18">
        <v>223924</v>
      </c>
      <c r="I53" s="18">
        <v>115422</v>
      </c>
      <c r="J53" s="18">
        <v>108502</v>
      </c>
      <c r="K53" s="19">
        <v>101697</v>
      </c>
    </row>
    <row r="54" spans="1:11" ht="9.75" customHeight="1" x14ac:dyDescent="0.15">
      <c r="A54" s="34" t="s">
        <v>52</v>
      </c>
      <c r="B54" s="35"/>
      <c r="C54" s="5"/>
      <c r="D54" s="18">
        <v>240811</v>
      </c>
      <c r="E54" s="18">
        <v>120217</v>
      </c>
      <c r="F54" s="18">
        <v>120594</v>
      </c>
      <c r="G54" s="18">
        <v>112363</v>
      </c>
      <c r="H54" s="18">
        <v>240812</v>
      </c>
      <c r="I54" s="18">
        <v>120135</v>
      </c>
      <c r="J54" s="18">
        <v>120677</v>
      </c>
      <c r="K54" s="19">
        <v>112399</v>
      </c>
    </row>
    <row r="55" spans="1:11" ht="9.75" customHeight="1" x14ac:dyDescent="0.15">
      <c r="A55" s="34" t="s">
        <v>53</v>
      </c>
      <c r="B55" s="35"/>
      <c r="C55" s="5"/>
      <c r="D55" s="18">
        <v>101328</v>
      </c>
      <c r="E55" s="18">
        <v>51326</v>
      </c>
      <c r="F55" s="18">
        <v>50002</v>
      </c>
      <c r="G55" s="18">
        <v>45662</v>
      </c>
      <c r="H55" s="18">
        <v>101288</v>
      </c>
      <c r="I55" s="18">
        <v>51266</v>
      </c>
      <c r="J55" s="18">
        <v>50022</v>
      </c>
      <c r="K55" s="19">
        <v>45646</v>
      </c>
    </row>
    <row r="56" spans="1:11" ht="9.75" customHeight="1" x14ac:dyDescent="0.15">
      <c r="A56" s="34" t="s">
        <v>54</v>
      </c>
      <c r="B56" s="35"/>
      <c r="C56" s="5"/>
      <c r="D56" s="18">
        <v>137303</v>
      </c>
      <c r="E56" s="18">
        <v>68987</v>
      </c>
      <c r="F56" s="18">
        <v>68316</v>
      </c>
      <c r="G56" s="18">
        <v>59226</v>
      </c>
      <c r="H56" s="18">
        <v>137255</v>
      </c>
      <c r="I56" s="18">
        <v>68969</v>
      </c>
      <c r="J56" s="18">
        <v>68286</v>
      </c>
      <c r="K56" s="19">
        <v>59226</v>
      </c>
    </row>
    <row r="57" spans="1:11" ht="9.75" customHeight="1" x14ac:dyDescent="0.15">
      <c r="A57" s="34" t="s">
        <v>55</v>
      </c>
      <c r="B57" s="35"/>
      <c r="C57" s="5"/>
      <c r="D57" s="18">
        <v>132346</v>
      </c>
      <c r="E57" s="18">
        <v>65899</v>
      </c>
      <c r="F57" s="18">
        <v>66447</v>
      </c>
      <c r="G57" s="18">
        <v>60736</v>
      </c>
      <c r="H57" s="18">
        <v>132366</v>
      </c>
      <c r="I57" s="18">
        <v>65900</v>
      </c>
      <c r="J57" s="18">
        <v>66466</v>
      </c>
      <c r="K57" s="19">
        <v>60772</v>
      </c>
    </row>
    <row r="58" spans="1:11" ht="9.75" customHeight="1" x14ac:dyDescent="0.15">
      <c r="A58" s="34" t="s">
        <v>56</v>
      </c>
      <c r="B58" s="35"/>
      <c r="C58" s="5"/>
      <c r="D58" s="18">
        <v>40503</v>
      </c>
      <c r="E58" s="18">
        <v>19829</v>
      </c>
      <c r="F58" s="18">
        <v>20674</v>
      </c>
      <c r="G58" s="18">
        <v>16354</v>
      </c>
      <c r="H58" s="18">
        <v>40483</v>
      </c>
      <c r="I58" s="18">
        <v>19820</v>
      </c>
      <c r="J58" s="18">
        <v>20663</v>
      </c>
      <c r="K58" s="19">
        <v>16361</v>
      </c>
    </row>
    <row r="59" spans="1:11" ht="9.75" customHeight="1" x14ac:dyDescent="0.15">
      <c r="A59" s="34" t="s">
        <v>57</v>
      </c>
      <c r="B59" s="35"/>
      <c r="C59" s="5"/>
      <c r="D59" s="18">
        <v>83346</v>
      </c>
      <c r="E59" s="18">
        <v>42269</v>
      </c>
      <c r="F59" s="18">
        <v>41077</v>
      </c>
      <c r="G59" s="18">
        <v>34908</v>
      </c>
      <c r="H59" s="18">
        <v>83313</v>
      </c>
      <c r="I59" s="18">
        <v>42233</v>
      </c>
      <c r="J59" s="18">
        <v>41080</v>
      </c>
      <c r="K59" s="19">
        <v>34911</v>
      </c>
    </row>
    <row r="60" spans="1:11" ht="3.75" customHeight="1" x14ac:dyDescent="0.15">
      <c r="A60" s="27"/>
      <c r="B60" s="28"/>
      <c r="C60" s="5"/>
      <c r="D60" s="18"/>
      <c r="E60" s="18"/>
      <c r="F60" s="18"/>
      <c r="G60" s="18"/>
      <c r="H60" s="18"/>
      <c r="I60" s="18"/>
      <c r="J60" s="18"/>
      <c r="K60" s="19"/>
    </row>
    <row r="61" spans="1:11" ht="9.75" customHeight="1" x14ac:dyDescent="0.15">
      <c r="A61" s="34" t="s">
        <v>58</v>
      </c>
      <c r="B61" s="35"/>
      <c r="C61" s="5"/>
      <c r="D61" s="18">
        <v>31696</v>
      </c>
      <c r="E61" s="18">
        <v>14888</v>
      </c>
      <c r="F61" s="18">
        <v>16808</v>
      </c>
      <c r="G61" s="18">
        <v>13080</v>
      </c>
      <c r="H61" s="18">
        <v>31686</v>
      </c>
      <c r="I61" s="18">
        <v>14879</v>
      </c>
      <c r="J61" s="18">
        <v>16807</v>
      </c>
      <c r="K61" s="19">
        <v>13086</v>
      </c>
    </row>
    <row r="62" spans="1:11" ht="3.75" customHeight="1" x14ac:dyDescent="0.15">
      <c r="A62" s="27"/>
      <c r="B62" s="28"/>
      <c r="C62" s="5"/>
      <c r="D62" s="18"/>
      <c r="E62" s="18"/>
      <c r="F62" s="18"/>
      <c r="G62" s="18"/>
      <c r="H62" s="18"/>
      <c r="I62" s="18"/>
      <c r="J62" s="18"/>
      <c r="K62" s="19"/>
    </row>
    <row r="63" spans="1:11" ht="9.75" customHeight="1" x14ac:dyDescent="0.15">
      <c r="A63" s="34" t="s">
        <v>59</v>
      </c>
      <c r="B63" s="35"/>
      <c r="C63" s="5"/>
      <c r="D63" s="18">
        <v>48527</v>
      </c>
      <c r="E63" s="18">
        <v>24564</v>
      </c>
      <c r="F63" s="18">
        <v>23963</v>
      </c>
      <c r="G63" s="18">
        <v>20112</v>
      </c>
      <c r="H63" s="18">
        <v>48533</v>
      </c>
      <c r="I63" s="18">
        <v>24558</v>
      </c>
      <c r="J63" s="18">
        <v>23975</v>
      </c>
      <c r="K63" s="19">
        <v>20138</v>
      </c>
    </row>
    <row r="64" spans="1:11" ht="3.75" customHeight="1" x14ac:dyDescent="0.15">
      <c r="A64" s="27"/>
      <c r="B64" s="28"/>
      <c r="C64" s="5"/>
      <c r="D64" s="18"/>
      <c r="E64" s="18"/>
      <c r="F64" s="18"/>
      <c r="G64" s="18"/>
      <c r="H64" s="18"/>
      <c r="I64" s="18"/>
      <c r="J64" s="18"/>
      <c r="K64" s="19"/>
    </row>
    <row r="65" spans="1:11" ht="9.75" customHeight="1" x14ac:dyDescent="0.15">
      <c r="A65" s="32" t="s">
        <v>60</v>
      </c>
      <c r="B65" s="33"/>
      <c r="C65" s="20"/>
      <c r="D65" s="21">
        <v>58990</v>
      </c>
      <c r="E65" s="21">
        <v>28550</v>
      </c>
      <c r="F65" s="21">
        <v>30440</v>
      </c>
      <c r="G65" s="21">
        <v>24384</v>
      </c>
      <c r="H65" s="21">
        <v>58958</v>
      </c>
      <c r="I65" s="21">
        <v>28545</v>
      </c>
      <c r="J65" s="21">
        <v>30413</v>
      </c>
      <c r="K65" s="22">
        <v>24392</v>
      </c>
    </row>
    <row r="66" spans="1:11" ht="9.75" customHeight="1" x14ac:dyDescent="0.15">
      <c r="A66" s="27"/>
      <c r="B66" s="28" t="s">
        <v>61</v>
      </c>
      <c r="C66" s="5"/>
      <c r="D66" s="18">
        <v>31564</v>
      </c>
      <c r="E66" s="18">
        <v>15358</v>
      </c>
      <c r="F66" s="18">
        <v>16206</v>
      </c>
      <c r="G66" s="18">
        <v>12782</v>
      </c>
      <c r="H66" s="18">
        <v>31559</v>
      </c>
      <c r="I66" s="18">
        <v>15368</v>
      </c>
      <c r="J66" s="18">
        <v>16191</v>
      </c>
      <c r="K66" s="19">
        <v>12789</v>
      </c>
    </row>
    <row r="67" spans="1:11" ht="9.75" customHeight="1" x14ac:dyDescent="0.15">
      <c r="A67" s="27"/>
      <c r="B67" s="28" t="s">
        <v>62</v>
      </c>
      <c r="C67" s="5"/>
      <c r="D67" s="18">
        <v>27426</v>
      </c>
      <c r="E67" s="18">
        <v>13192</v>
      </c>
      <c r="F67" s="18">
        <v>14234</v>
      </c>
      <c r="G67" s="18">
        <v>11602</v>
      </c>
      <c r="H67" s="18">
        <v>27399</v>
      </c>
      <c r="I67" s="18">
        <v>13177</v>
      </c>
      <c r="J67" s="18">
        <v>14222</v>
      </c>
      <c r="K67" s="19">
        <v>11603</v>
      </c>
    </row>
    <row r="68" spans="1:11" ht="3.75" customHeight="1" x14ac:dyDescent="0.15">
      <c r="A68" s="27"/>
      <c r="B68" s="28"/>
      <c r="C68" s="5"/>
      <c r="D68" s="18"/>
      <c r="E68" s="18"/>
      <c r="F68" s="18"/>
      <c r="G68" s="18"/>
      <c r="H68" s="18"/>
      <c r="I68" s="18"/>
      <c r="J68" s="18"/>
      <c r="K68" s="19"/>
    </row>
    <row r="69" spans="1:11" ht="9.75" customHeight="1" x14ac:dyDescent="0.15">
      <c r="A69" s="32" t="s">
        <v>63</v>
      </c>
      <c r="B69" s="33"/>
      <c r="C69" s="20"/>
      <c r="D69" s="21">
        <v>65045</v>
      </c>
      <c r="E69" s="21">
        <v>32019</v>
      </c>
      <c r="F69" s="21">
        <v>33026</v>
      </c>
      <c r="G69" s="21">
        <v>25725</v>
      </c>
      <c r="H69" s="21">
        <v>65037</v>
      </c>
      <c r="I69" s="21">
        <v>32002</v>
      </c>
      <c r="J69" s="21">
        <v>33035</v>
      </c>
      <c r="K69" s="22">
        <v>25744</v>
      </c>
    </row>
    <row r="70" spans="1:11" ht="9.75" customHeight="1" x14ac:dyDescent="0.15">
      <c r="A70" s="27"/>
      <c r="B70" s="28" t="s">
        <v>64</v>
      </c>
      <c r="C70" s="5"/>
      <c r="D70" s="18">
        <v>9162</v>
      </c>
      <c r="E70" s="18">
        <v>4573</v>
      </c>
      <c r="F70" s="18">
        <v>4589</v>
      </c>
      <c r="G70" s="18">
        <v>3411</v>
      </c>
      <c r="H70" s="18">
        <v>9143</v>
      </c>
      <c r="I70" s="18">
        <v>4567</v>
      </c>
      <c r="J70" s="18">
        <v>4576</v>
      </c>
      <c r="K70" s="19">
        <v>3411</v>
      </c>
    </row>
    <row r="71" spans="1:11" ht="9.75" customHeight="1" x14ac:dyDescent="0.15">
      <c r="A71" s="27"/>
      <c r="B71" s="28" t="s">
        <v>65</v>
      </c>
      <c r="C71" s="5"/>
      <c r="D71" s="18">
        <v>17156</v>
      </c>
      <c r="E71" s="18">
        <v>8422</v>
      </c>
      <c r="F71" s="18">
        <v>8734</v>
      </c>
      <c r="G71" s="18">
        <v>6810</v>
      </c>
      <c r="H71" s="18">
        <v>17160</v>
      </c>
      <c r="I71" s="18">
        <v>8420</v>
      </c>
      <c r="J71" s="18">
        <v>8740</v>
      </c>
      <c r="K71" s="19">
        <v>6819</v>
      </c>
    </row>
    <row r="72" spans="1:11" ht="9.75" customHeight="1" x14ac:dyDescent="0.15">
      <c r="A72" s="27"/>
      <c r="B72" s="28" t="s">
        <v>66</v>
      </c>
      <c r="C72" s="5"/>
      <c r="D72" s="18">
        <v>10655</v>
      </c>
      <c r="E72" s="18">
        <v>5290</v>
      </c>
      <c r="F72" s="18">
        <v>5365</v>
      </c>
      <c r="G72" s="18">
        <v>4546</v>
      </c>
      <c r="H72" s="18">
        <v>10643</v>
      </c>
      <c r="I72" s="18">
        <v>5282</v>
      </c>
      <c r="J72" s="18">
        <v>5361</v>
      </c>
      <c r="K72" s="19">
        <v>4539</v>
      </c>
    </row>
    <row r="73" spans="1:11" ht="9.75" customHeight="1" x14ac:dyDescent="0.15">
      <c r="A73" s="27"/>
      <c r="B73" s="28" t="s">
        <v>67</v>
      </c>
      <c r="C73" s="5"/>
      <c r="D73" s="18">
        <v>9622</v>
      </c>
      <c r="E73" s="18">
        <v>4766</v>
      </c>
      <c r="F73" s="18">
        <v>4856</v>
      </c>
      <c r="G73" s="18">
        <v>3929</v>
      </c>
      <c r="H73" s="18">
        <v>9622</v>
      </c>
      <c r="I73" s="18">
        <v>4761</v>
      </c>
      <c r="J73" s="18">
        <v>4861</v>
      </c>
      <c r="K73" s="19">
        <v>3934</v>
      </c>
    </row>
    <row r="74" spans="1:11" ht="9.75" customHeight="1" x14ac:dyDescent="0.15">
      <c r="A74" s="27"/>
      <c r="B74" s="28" t="s">
        <v>68</v>
      </c>
      <c r="C74" s="5"/>
      <c r="D74" s="18">
        <v>18450</v>
      </c>
      <c r="E74" s="18">
        <v>8968</v>
      </c>
      <c r="F74" s="18">
        <v>9482</v>
      </c>
      <c r="G74" s="18">
        <v>7029</v>
      </c>
      <c r="H74" s="18">
        <v>18469</v>
      </c>
      <c r="I74" s="18">
        <v>8972</v>
      </c>
      <c r="J74" s="18">
        <v>9497</v>
      </c>
      <c r="K74" s="19">
        <v>7041</v>
      </c>
    </row>
    <row r="75" spans="1:11" ht="3.75" customHeight="1" x14ac:dyDescent="0.15">
      <c r="A75" s="27"/>
      <c r="B75" s="28"/>
      <c r="C75" s="5"/>
      <c r="D75" s="18"/>
      <c r="E75" s="18"/>
      <c r="F75" s="18"/>
      <c r="G75" s="18"/>
      <c r="H75" s="18"/>
      <c r="I75" s="18"/>
      <c r="J75" s="18"/>
      <c r="K75" s="19"/>
    </row>
    <row r="76" spans="1:11" ht="9.75" customHeight="1" x14ac:dyDescent="0.15">
      <c r="A76" s="32" t="s">
        <v>69</v>
      </c>
      <c r="B76" s="33"/>
      <c r="C76" s="20"/>
      <c r="D76" s="21">
        <v>41059</v>
      </c>
      <c r="E76" s="21">
        <v>19231</v>
      </c>
      <c r="F76" s="21">
        <v>21828</v>
      </c>
      <c r="G76" s="21">
        <v>20099</v>
      </c>
      <c r="H76" s="21">
        <v>41019</v>
      </c>
      <c r="I76" s="21">
        <v>19208</v>
      </c>
      <c r="J76" s="21">
        <v>21811</v>
      </c>
      <c r="K76" s="22">
        <v>20100</v>
      </c>
    </row>
    <row r="77" spans="1:11" ht="9.75" customHeight="1" x14ac:dyDescent="0.15">
      <c r="A77" s="27"/>
      <c r="B77" s="28" t="s">
        <v>70</v>
      </c>
      <c r="C77" s="5"/>
      <c r="D77" s="18">
        <v>11263</v>
      </c>
      <c r="E77" s="18">
        <v>5393</v>
      </c>
      <c r="F77" s="18">
        <v>5870</v>
      </c>
      <c r="G77" s="18">
        <v>6437</v>
      </c>
      <c r="H77" s="18">
        <v>11255</v>
      </c>
      <c r="I77" s="18">
        <v>5389</v>
      </c>
      <c r="J77" s="18">
        <v>5866</v>
      </c>
      <c r="K77" s="19">
        <v>6440</v>
      </c>
    </row>
    <row r="78" spans="1:11" ht="9.75" customHeight="1" x14ac:dyDescent="0.15">
      <c r="A78" s="27"/>
      <c r="B78" s="28" t="s">
        <v>71</v>
      </c>
      <c r="C78" s="5"/>
      <c r="D78" s="18">
        <v>6622</v>
      </c>
      <c r="E78" s="18">
        <v>3071</v>
      </c>
      <c r="F78" s="18">
        <v>3551</v>
      </c>
      <c r="G78" s="18">
        <v>2942</v>
      </c>
      <c r="H78" s="18">
        <v>6615</v>
      </c>
      <c r="I78" s="18">
        <v>3067</v>
      </c>
      <c r="J78" s="18">
        <v>3548</v>
      </c>
      <c r="K78" s="19">
        <v>2946</v>
      </c>
    </row>
    <row r="79" spans="1:11" ht="9.75" customHeight="1" x14ac:dyDescent="0.15">
      <c r="A79" s="27"/>
      <c r="B79" s="28" t="s">
        <v>72</v>
      </c>
      <c r="C79" s="5"/>
      <c r="D79" s="18">
        <v>23174</v>
      </c>
      <c r="E79" s="18">
        <v>10767</v>
      </c>
      <c r="F79" s="18">
        <v>12407</v>
      </c>
      <c r="G79" s="18">
        <v>10720</v>
      </c>
      <c r="H79" s="18">
        <v>23149</v>
      </c>
      <c r="I79" s="18">
        <v>10752</v>
      </c>
      <c r="J79" s="18">
        <v>12397</v>
      </c>
      <c r="K79" s="19">
        <v>10714</v>
      </c>
    </row>
    <row r="80" spans="1:11" ht="3.75" customHeight="1" x14ac:dyDescent="0.15">
      <c r="A80" s="27"/>
      <c r="B80" s="28"/>
      <c r="C80" s="5"/>
      <c r="D80" s="18"/>
      <c r="E80" s="18"/>
      <c r="F80" s="18"/>
      <c r="G80" s="18"/>
      <c r="H80" s="18"/>
      <c r="I80" s="18"/>
      <c r="J80" s="18"/>
      <c r="K80" s="19"/>
    </row>
    <row r="81" spans="1:11" ht="9.75" customHeight="1" x14ac:dyDescent="0.15">
      <c r="A81" s="32" t="s">
        <v>73</v>
      </c>
      <c r="B81" s="33"/>
      <c r="C81" s="20"/>
      <c r="D81" s="21">
        <v>42538</v>
      </c>
      <c r="E81" s="21">
        <v>22275</v>
      </c>
      <c r="F81" s="21">
        <v>20263</v>
      </c>
      <c r="G81" s="21">
        <v>18279</v>
      </c>
      <c r="H81" s="21">
        <v>42531</v>
      </c>
      <c r="I81" s="21">
        <v>22265</v>
      </c>
      <c r="J81" s="21">
        <v>20266</v>
      </c>
      <c r="K81" s="22">
        <v>18304</v>
      </c>
    </row>
    <row r="82" spans="1:11" ht="9.75" customHeight="1" x14ac:dyDescent="0.15">
      <c r="A82" s="27"/>
      <c r="B82" s="28" t="s">
        <v>74</v>
      </c>
      <c r="C82" s="5"/>
      <c r="D82" s="18">
        <v>39533</v>
      </c>
      <c r="E82" s="18">
        <v>20743</v>
      </c>
      <c r="F82" s="18">
        <v>18790</v>
      </c>
      <c r="G82" s="18">
        <v>17160</v>
      </c>
      <c r="H82" s="18">
        <v>39517</v>
      </c>
      <c r="I82" s="18">
        <v>20730</v>
      </c>
      <c r="J82" s="18">
        <v>18787</v>
      </c>
      <c r="K82" s="19">
        <v>17184</v>
      </c>
    </row>
    <row r="83" spans="1:11" ht="9.75" customHeight="1" x14ac:dyDescent="0.15">
      <c r="A83" s="27"/>
      <c r="B83" s="28" t="s">
        <v>75</v>
      </c>
      <c r="C83" s="5"/>
      <c r="D83" s="18">
        <v>3005</v>
      </c>
      <c r="E83" s="18">
        <v>1532</v>
      </c>
      <c r="F83" s="18">
        <v>1473</v>
      </c>
      <c r="G83" s="18">
        <v>1119</v>
      </c>
      <c r="H83" s="18">
        <v>3014</v>
      </c>
      <c r="I83" s="18">
        <v>1535</v>
      </c>
      <c r="J83" s="18">
        <v>1479</v>
      </c>
      <c r="K83" s="19">
        <v>1120</v>
      </c>
    </row>
    <row r="84" spans="1:11" ht="3.75" customHeight="1" thickBot="1" x14ac:dyDescent="0.2">
      <c r="A84" s="23"/>
      <c r="B84" s="24"/>
      <c r="C84" s="24"/>
      <c r="D84" s="25"/>
      <c r="E84" s="25"/>
      <c r="F84" s="25"/>
      <c r="G84" s="25"/>
      <c r="H84" s="25"/>
      <c r="I84" s="25"/>
      <c r="J84" s="25"/>
      <c r="K84" s="26"/>
    </row>
    <row r="85" spans="1:11" ht="9.75" customHeight="1" x14ac:dyDescent="0.15"/>
  </sheetData>
  <mergeCells count="34">
    <mergeCell ref="A65:B65"/>
    <mergeCell ref="A69:B69"/>
    <mergeCell ref="A76:B76"/>
    <mergeCell ref="A81:B81"/>
    <mergeCell ref="A56:B56"/>
    <mergeCell ref="A57:B57"/>
    <mergeCell ref="A58:B58"/>
    <mergeCell ref="A59:B59"/>
    <mergeCell ref="A61:B61"/>
    <mergeCell ref="A63:B63"/>
    <mergeCell ref="A55:B55"/>
    <mergeCell ref="A44:B44"/>
    <mergeCell ref="A45:B45"/>
    <mergeCell ref="A46:B46"/>
    <mergeCell ref="A47:B47"/>
    <mergeCell ref="A48:B48"/>
    <mergeCell ref="A49:B49"/>
    <mergeCell ref="A50:B50"/>
    <mergeCell ref="A51:B51"/>
    <mergeCell ref="A52:B52"/>
    <mergeCell ref="A54:B54"/>
    <mergeCell ref="A39:B39"/>
    <mergeCell ref="A1:K1"/>
    <mergeCell ref="A2:C2"/>
    <mergeCell ref="I2:K2"/>
    <mergeCell ref="A3:C4"/>
    <mergeCell ref="D3:G3"/>
    <mergeCell ref="H3:K3"/>
    <mergeCell ref="A6:B6"/>
    <mergeCell ref="A7:B7"/>
    <mergeCell ref="A8:B8"/>
    <mergeCell ref="A10:B10"/>
    <mergeCell ref="A30:B30"/>
    <mergeCell ref="A53:B53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orientation="portrait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V85"/>
  <sheetViews>
    <sheetView view="pageBreakPreview" zoomScaleNormal="115" zoomScaleSheetLayoutView="100" workbookViewId="0">
      <selection sqref="A1:K1"/>
    </sheetView>
  </sheetViews>
  <sheetFormatPr defaultRowHeight="14.25" x14ac:dyDescent="0.15"/>
  <cols>
    <col min="1" max="1" width="1.75" style="29" customWidth="1"/>
    <col min="2" max="2" width="7.5" style="29" customWidth="1"/>
    <col min="3" max="3" width="1.25" style="29" customWidth="1"/>
    <col min="4" max="11" width="8.5" style="29" customWidth="1"/>
    <col min="12" max="18" width="6.875" style="29" customWidth="1"/>
  </cols>
  <sheetData>
    <row r="1" spans="1:22" ht="18.75" customHeight="1" x14ac:dyDescent="0.15">
      <c r="A1" s="36" t="s">
        <v>89</v>
      </c>
      <c r="B1" s="36"/>
      <c r="C1" s="36"/>
      <c r="D1" s="36"/>
      <c r="E1" s="36"/>
      <c r="F1" s="36"/>
      <c r="G1" s="36"/>
      <c r="H1" s="36"/>
      <c r="I1" s="36"/>
      <c r="J1" s="36"/>
      <c r="K1" s="36"/>
    </row>
    <row r="2" spans="1:22" ht="15" customHeight="1" thickBot="1" x14ac:dyDescent="0.2">
      <c r="A2" s="37" t="s">
        <v>1</v>
      </c>
      <c r="B2" s="37"/>
      <c r="C2" s="37"/>
      <c r="I2" s="38"/>
      <c r="J2" s="38"/>
      <c r="K2" s="38"/>
    </row>
    <row r="3" spans="1:22" ht="15" customHeight="1" x14ac:dyDescent="0.15">
      <c r="A3" s="39" t="s">
        <v>2</v>
      </c>
      <c r="B3" s="40"/>
      <c r="C3" s="40"/>
      <c r="D3" s="43" t="s">
        <v>88</v>
      </c>
      <c r="E3" s="40"/>
      <c r="F3" s="40"/>
      <c r="G3" s="44"/>
      <c r="H3" s="43" t="s">
        <v>87</v>
      </c>
      <c r="I3" s="40"/>
      <c r="J3" s="40"/>
      <c r="K3" s="45"/>
    </row>
    <row r="4" spans="1:22" ht="15" customHeight="1" x14ac:dyDescent="0.15">
      <c r="A4" s="41"/>
      <c r="B4" s="42"/>
      <c r="C4" s="42"/>
      <c r="D4" s="2" t="s">
        <v>3</v>
      </c>
      <c r="E4" s="2" t="s">
        <v>4</v>
      </c>
      <c r="F4" s="2" t="s">
        <v>5</v>
      </c>
      <c r="G4" s="2" t="s">
        <v>6</v>
      </c>
      <c r="H4" s="2" t="s">
        <v>7</v>
      </c>
      <c r="I4" s="2" t="s">
        <v>4</v>
      </c>
      <c r="J4" s="2" t="s">
        <v>5</v>
      </c>
      <c r="K4" s="3" t="s">
        <v>6</v>
      </c>
    </row>
    <row r="5" spans="1:22" ht="10.5" customHeight="1" x14ac:dyDescent="0.15">
      <c r="A5" s="4"/>
      <c r="B5" s="5"/>
      <c r="C5" s="5"/>
      <c r="D5" s="6" t="s">
        <v>8</v>
      </c>
      <c r="E5" s="6" t="s">
        <v>8</v>
      </c>
      <c r="F5" s="6" t="s">
        <v>8</v>
      </c>
      <c r="G5" s="6" t="s">
        <v>9</v>
      </c>
      <c r="H5" s="6" t="s">
        <v>8</v>
      </c>
      <c r="I5" s="6" t="s">
        <v>8</v>
      </c>
      <c r="J5" s="6" t="s">
        <v>8</v>
      </c>
      <c r="K5" s="7" t="s">
        <v>9</v>
      </c>
    </row>
    <row r="6" spans="1:22" ht="9.75" customHeight="1" x14ac:dyDescent="0.15">
      <c r="A6" s="46" t="s">
        <v>10</v>
      </c>
      <c r="B6" s="47"/>
      <c r="C6" s="8"/>
      <c r="D6" s="9">
        <v>9239650</v>
      </c>
      <c r="E6" s="9">
        <v>4586149</v>
      </c>
      <c r="F6" s="9">
        <v>4653501</v>
      </c>
      <c r="G6" s="9">
        <v>4266556</v>
      </c>
      <c r="H6" s="9">
        <v>9236428</v>
      </c>
      <c r="I6" s="9">
        <v>4583861</v>
      </c>
      <c r="J6" s="9">
        <v>4652567</v>
      </c>
      <c r="K6" s="10">
        <v>4265967</v>
      </c>
    </row>
    <row r="7" spans="1:22" s="14" customFormat="1" ht="9.75" customHeight="1" x14ac:dyDescent="0.15">
      <c r="A7" s="30" t="s">
        <v>11</v>
      </c>
      <c r="B7" s="31"/>
      <c r="C7" s="11"/>
      <c r="D7" s="12">
        <v>8952011</v>
      </c>
      <c r="E7" s="12">
        <v>4444756</v>
      </c>
      <c r="F7" s="12">
        <v>4507255</v>
      </c>
      <c r="G7" s="12">
        <v>4144785</v>
      </c>
      <c r="H7" s="12">
        <v>8948964</v>
      </c>
      <c r="I7" s="12">
        <v>4442536</v>
      </c>
      <c r="J7" s="12">
        <v>4506428</v>
      </c>
      <c r="K7" s="13">
        <v>4144195</v>
      </c>
      <c r="S7" s="15"/>
      <c r="T7" s="15"/>
      <c r="U7" s="15"/>
      <c r="V7" s="15"/>
    </row>
    <row r="8" spans="1:22" s="14" customFormat="1" ht="9.75" customHeight="1" x14ac:dyDescent="0.15">
      <c r="A8" s="30" t="s">
        <v>12</v>
      </c>
      <c r="B8" s="31"/>
      <c r="C8" s="11"/>
      <c r="D8" s="12">
        <v>287639</v>
      </c>
      <c r="E8" s="12">
        <v>141393</v>
      </c>
      <c r="F8" s="12">
        <v>146246</v>
      </c>
      <c r="G8" s="12">
        <v>121771</v>
      </c>
      <c r="H8" s="12">
        <v>287464</v>
      </c>
      <c r="I8" s="12">
        <v>141325</v>
      </c>
      <c r="J8" s="12">
        <v>146139</v>
      </c>
      <c r="K8" s="13">
        <v>121772</v>
      </c>
      <c r="S8" s="15"/>
      <c r="T8" s="15"/>
      <c r="U8" s="15"/>
      <c r="V8" s="15"/>
    </row>
    <row r="9" spans="1:22" ht="3.75" customHeight="1" x14ac:dyDescent="0.15">
      <c r="A9" s="27"/>
      <c r="B9" s="28"/>
      <c r="C9" s="5"/>
      <c r="D9" s="18"/>
      <c r="E9" s="18"/>
      <c r="F9" s="18"/>
      <c r="G9" s="18"/>
      <c r="H9" s="18"/>
      <c r="I9" s="18"/>
      <c r="J9" s="18"/>
      <c r="K9" s="19"/>
    </row>
    <row r="10" spans="1:22" ht="9.75" customHeight="1" x14ac:dyDescent="0.15">
      <c r="A10" s="32" t="s">
        <v>13</v>
      </c>
      <c r="B10" s="33"/>
      <c r="C10" s="20"/>
      <c r="D10" s="21">
        <v>3777436</v>
      </c>
      <c r="E10" s="21">
        <v>1865994</v>
      </c>
      <c r="F10" s="21">
        <v>1911442</v>
      </c>
      <c r="G10" s="21">
        <v>1768323</v>
      </c>
      <c r="H10" s="21">
        <v>3775352</v>
      </c>
      <c r="I10" s="21">
        <v>1864667</v>
      </c>
      <c r="J10" s="21">
        <v>1910685</v>
      </c>
      <c r="K10" s="22">
        <v>1767218</v>
      </c>
    </row>
    <row r="11" spans="1:22" ht="9.75" customHeight="1" x14ac:dyDescent="0.15">
      <c r="A11" s="27"/>
      <c r="B11" s="28" t="s">
        <v>14</v>
      </c>
      <c r="C11" s="5"/>
      <c r="D11" s="18">
        <v>296434</v>
      </c>
      <c r="E11" s="18">
        <v>152884</v>
      </c>
      <c r="F11" s="18">
        <v>143550</v>
      </c>
      <c r="G11" s="18">
        <v>146106</v>
      </c>
      <c r="H11" s="18">
        <v>296140</v>
      </c>
      <c r="I11" s="18">
        <v>152681</v>
      </c>
      <c r="J11" s="18">
        <v>143459</v>
      </c>
      <c r="K11" s="19">
        <v>145917</v>
      </c>
    </row>
    <row r="12" spans="1:22" ht="9.75" customHeight="1" x14ac:dyDescent="0.15">
      <c r="A12" s="27"/>
      <c r="B12" s="28" t="s">
        <v>15</v>
      </c>
      <c r="C12" s="5"/>
      <c r="D12" s="18">
        <v>247767</v>
      </c>
      <c r="E12" s="18">
        <v>126371</v>
      </c>
      <c r="F12" s="18">
        <v>121396</v>
      </c>
      <c r="G12" s="18">
        <v>130595</v>
      </c>
      <c r="H12" s="18">
        <v>247651</v>
      </c>
      <c r="I12" s="18">
        <v>126292</v>
      </c>
      <c r="J12" s="18">
        <v>121359</v>
      </c>
      <c r="K12" s="19">
        <v>130482</v>
      </c>
    </row>
    <row r="13" spans="1:22" ht="9.75" customHeight="1" x14ac:dyDescent="0.15">
      <c r="A13" s="27"/>
      <c r="B13" s="28" t="s">
        <v>16</v>
      </c>
      <c r="C13" s="5"/>
      <c r="D13" s="18">
        <v>104802</v>
      </c>
      <c r="E13" s="18">
        <v>52995</v>
      </c>
      <c r="F13" s="18">
        <v>51807</v>
      </c>
      <c r="G13" s="18">
        <v>57438</v>
      </c>
      <c r="H13" s="18">
        <v>104778</v>
      </c>
      <c r="I13" s="18">
        <v>52961</v>
      </c>
      <c r="J13" s="18">
        <v>51817</v>
      </c>
      <c r="K13" s="19">
        <v>57407</v>
      </c>
    </row>
    <row r="14" spans="1:22" ht="9.75" customHeight="1" x14ac:dyDescent="0.15">
      <c r="A14" s="27"/>
      <c r="B14" s="28" t="s">
        <v>17</v>
      </c>
      <c r="C14" s="5"/>
      <c r="D14" s="18">
        <v>150900</v>
      </c>
      <c r="E14" s="18">
        <v>76865</v>
      </c>
      <c r="F14" s="18">
        <v>74035</v>
      </c>
      <c r="G14" s="18">
        <v>85306</v>
      </c>
      <c r="H14" s="18">
        <v>150667</v>
      </c>
      <c r="I14" s="18">
        <v>76714</v>
      </c>
      <c r="J14" s="18">
        <v>73953</v>
      </c>
      <c r="K14" s="19">
        <v>85139</v>
      </c>
    </row>
    <row r="15" spans="1:22" ht="9.75" customHeight="1" x14ac:dyDescent="0.15">
      <c r="A15" s="27"/>
      <c r="B15" s="28" t="s">
        <v>18</v>
      </c>
      <c r="C15" s="5"/>
      <c r="D15" s="18">
        <v>197917</v>
      </c>
      <c r="E15" s="18">
        <v>98763</v>
      </c>
      <c r="F15" s="18">
        <v>99154</v>
      </c>
      <c r="G15" s="18">
        <v>104660</v>
      </c>
      <c r="H15" s="18">
        <v>197761</v>
      </c>
      <c r="I15" s="18">
        <v>98668</v>
      </c>
      <c r="J15" s="18">
        <v>99093</v>
      </c>
      <c r="K15" s="19">
        <v>104576</v>
      </c>
    </row>
    <row r="16" spans="1:22" ht="9.75" customHeight="1" x14ac:dyDescent="0.15">
      <c r="A16" s="27"/>
      <c r="B16" s="28" t="s">
        <v>19</v>
      </c>
      <c r="C16" s="5"/>
      <c r="D16" s="18">
        <v>215273</v>
      </c>
      <c r="E16" s="18">
        <v>104983</v>
      </c>
      <c r="F16" s="18">
        <v>110290</v>
      </c>
      <c r="G16" s="18">
        <v>96472</v>
      </c>
      <c r="H16" s="18">
        <v>215272</v>
      </c>
      <c r="I16" s="18">
        <v>104969</v>
      </c>
      <c r="J16" s="18">
        <v>110303</v>
      </c>
      <c r="K16" s="19">
        <v>96508</v>
      </c>
    </row>
    <row r="17" spans="1:11" ht="9.75" customHeight="1" x14ac:dyDescent="0.15">
      <c r="A17" s="27"/>
      <c r="B17" s="28" t="s">
        <v>20</v>
      </c>
      <c r="C17" s="5"/>
      <c r="D17" s="18">
        <v>207288</v>
      </c>
      <c r="E17" s="18">
        <v>101591</v>
      </c>
      <c r="F17" s="18">
        <v>105697</v>
      </c>
      <c r="G17" s="18">
        <v>99805</v>
      </c>
      <c r="H17" s="18">
        <v>207185</v>
      </c>
      <c r="I17" s="18">
        <v>101526</v>
      </c>
      <c r="J17" s="18">
        <v>105659</v>
      </c>
      <c r="K17" s="19">
        <v>99777</v>
      </c>
    </row>
    <row r="18" spans="1:11" ht="9.75" customHeight="1" x14ac:dyDescent="0.15">
      <c r="A18" s="27"/>
      <c r="B18" s="28" t="s">
        <v>21</v>
      </c>
      <c r="C18" s="5"/>
      <c r="D18" s="18">
        <v>243701</v>
      </c>
      <c r="E18" s="18">
        <v>117572</v>
      </c>
      <c r="F18" s="18">
        <v>126129</v>
      </c>
      <c r="G18" s="18">
        <v>107321</v>
      </c>
      <c r="H18" s="18">
        <v>243564</v>
      </c>
      <c r="I18" s="18">
        <v>117496</v>
      </c>
      <c r="J18" s="18">
        <v>126068</v>
      </c>
      <c r="K18" s="19">
        <v>107254</v>
      </c>
    </row>
    <row r="19" spans="1:11" ht="9.75" customHeight="1" x14ac:dyDescent="0.15">
      <c r="A19" s="27"/>
      <c r="B19" s="28" t="s">
        <v>22</v>
      </c>
      <c r="C19" s="5"/>
      <c r="D19" s="18">
        <v>166388</v>
      </c>
      <c r="E19" s="18">
        <v>81823</v>
      </c>
      <c r="F19" s="18">
        <v>84565</v>
      </c>
      <c r="G19" s="18">
        <v>79149</v>
      </c>
      <c r="H19" s="18">
        <v>166363</v>
      </c>
      <c r="I19" s="18">
        <v>81793</v>
      </c>
      <c r="J19" s="18">
        <v>84570</v>
      </c>
      <c r="K19" s="19">
        <v>79167</v>
      </c>
    </row>
    <row r="20" spans="1:11" ht="9.75" customHeight="1" x14ac:dyDescent="0.15">
      <c r="A20" s="27"/>
      <c r="B20" s="28" t="s">
        <v>23</v>
      </c>
      <c r="C20" s="5"/>
      <c r="D20" s="18">
        <v>198115</v>
      </c>
      <c r="E20" s="18">
        <v>96371</v>
      </c>
      <c r="F20" s="18">
        <v>101744</v>
      </c>
      <c r="G20" s="18">
        <v>90522</v>
      </c>
      <c r="H20" s="18">
        <v>197719</v>
      </c>
      <c r="I20" s="18">
        <v>96212</v>
      </c>
      <c r="J20" s="18">
        <v>101507</v>
      </c>
      <c r="K20" s="19">
        <v>90239</v>
      </c>
    </row>
    <row r="21" spans="1:11" ht="9.75" customHeight="1" x14ac:dyDescent="0.15">
      <c r="A21" s="27"/>
      <c r="B21" s="28" t="s">
        <v>24</v>
      </c>
      <c r="C21" s="5"/>
      <c r="D21" s="18">
        <v>360123</v>
      </c>
      <c r="E21" s="18">
        <v>179756</v>
      </c>
      <c r="F21" s="18">
        <v>180367</v>
      </c>
      <c r="G21" s="18">
        <v>177331</v>
      </c>
      <c r="H21" s="18">
        <v>359846</v>
      </c>
      <c r="I21" s="18">
        <v>179566</v>
      </c>
      <c r="J21" s="18">
        <v>180280</v>
      </c>
      <c r="K21" s="19">
        <v>177166</v>
      </c>
    </row>
    <row r="22" spans="1:11" ht="9.75" customHeight="1" x14ac:dyDescent="0.15">
      <c r="A22" s="27"/>
      <c r="B22" s="28" t="s">
        <v>25</v>
      </c>
      <c r="C22" s="5"/>
      <c r="D22" s="18">
        <v>183495</v>
      </c>
      <c r="E22" s="18">
        <v>90261</v>
      </c>
      <c r="F22" s="18">
        <v>93234</v>
      </c>
      <c r="G22" s="18">
        <v>80373</v>
      </c>
      <c r="H22" s="18">
        <v>183410</v>
      </c>
      <c r="I22" s="18">
        <v>90221</v>
      </c>
      <c r="J22" s="18">
        <v>93189</v>
      </c>
      <c r="K22" s="19">
        <v>80345</v>
      </c>
    </row>
    <row r="23" spans="1:11" ht="9.75" customHeight="1" x14ac:dyDescent="0.15">
      <c r="A23" s="27"/>
      <c r="B23" s="28" t="s">
        <v>26</v>
      </c>
      <c r="C23" s="5"/>
      <c r="D23" s="18">
        <v>311193</v>
      </c>
      <c r="E23" s="18">
        <v>150219</v>
      </c>
      <c r="F23" s="18">
        <v>160974</v>
      </c>
      <c r="G23" s="18">
        <v>134116</v>
      </c>
      <c r="H23" s="18">
        <v>311057</v>
      </c>
      <c r="I23" s="18">
        <v>150152</v>
      </c>
      <c r="J23" s="18">
        <v>160905</v>
      </c>
      <c r="K23" s="19">
        <v>134101</v>
      </c>
    </row>
    <row r="24" spans="1:11" ht="9.75" customHeight="1" x14ac:dyDescent="0.15">
      <c r="A24" s="27"/>
      <c r="B24" s="28" t="s">
        <v>27</v>
      </c>
      <c r="C24" s="5"/>
      <c r="D24" s="18">
        <v>214851</v>
      </c>
      <c r="E24" s="18">
        <v>105320</v>
      </c>
      <c r="F24" s="18">
        <v>109531</v>
      </c>
      <c r="G24" s="18">
        <v>86156</v>
      </c>
      <c r="H24" s="18">
        <v>214838</v>
      </c>
      <c r="I24" s="18">
        <v>105281</v>
      </c>
      <c r="J24" s="18">
        <v>109557</v>
      </c>
      <c r="K24" s="19">
        <v>86184</v>
      </c>
    </row>
    <row r="25" spans="1:11" ht="9.75" customHeight="1" x14ac:dyDescent="0.15">
      <c r="A25" s="27"/>
      <c r="B25" s="28" t="s">
        <v>28</v>
      </c>
      <c r="C25" s="5"/>
      <c r="D25" s="18">
        <v>284246</v>
      </c>
      <c r="E25" s="18">
        <v>138554</v>
      </c>
      <c r="F25" s="18">
        <v>145692</v>
      </c>
      <c r="G25" s="18">
        <v>123395</v>
      </c>
      <c r="H25" s="18">
        <v>284215</v>
      </c>
      <c r="I25" s="18">
        <v>138536</v>
      </c>
      <c r="J25" s="18">
        <v>145679</v>
      </c>
      <c r="K25" s="19">
        <v>123384</v>
      </c>
    </row>
    <row r="26" spans="1:11" ht="9.75" customHeight="1" x14ac:dyDescent="0.15">
      <c r="A26" s="27"/>
      <c r="B26" s="28" t="s">
        <v>29</v>
      </c>
      <c r="C26" s="5"/>
      <c r="D26" s="18">
        <v>120696</v>
      </c>
      <c r="E26" s="18">
        <v>58844</v>
      </c>
      <c r="F26" s="18">
        <v>61852</v>
      </c>
      <c r="G26" s="18">
        <v>53407</v>
      </c>
      <c r="H26" s="18">
        <v>120591</v>
      </c>
      <c r="I26" s="18">
        <v>58776</v>
      </c>
      <c r="J26" s="18">
        <v>61815</v>
      </c>
      <c r="K26" s="19">
        <v>53319</v>
      </c>
    </row>
    <row r="27" spans="1:11" ht="9.75" customHeight="1" x14ac:dyDescent="0.15">
      <c r="A27" s="27"/>
      <c r="B27" s="28" t="s">
        <v>30</v>
      </c>
      <c r="C27" s="5"/>
      <c r="D27" s="18">
        <v>152217</v>
      </c>
      <c r="E27" s="18">
        <v>73794</v>
      </c>
      <c r="F27" s="18">
        <v>78423</v>
      </c>
      <c r="G27" s="18">
        <v>63353</v>
      </c>
      <c r="H27" s="18">
        <v>152196</v>
      </c>
      <c r="I27" s="18">
        <v>73780</v>
      </c>
      <c r="J27" s="18">
        <v>78416</v>
      </c>
      <c r="K27" s="19">
        <v>63363</v>
      </c>
    </row>
    <row r="28" spans="1:11" ht="9.75" customHeight="1" x14ac:dyDescent="0.15">
      <c r="A28" s="27"/>
      <c r="B28" s="28" t="s">
        <v>31</v>
      </c>
      <c r="C28" s="5"/>
      <c r="D28" s="18">
        <v>122030</v>
      </c>
      <c r="E28" s="18">
        <v>59028</v>
      </c>
      <c r="F28" s="18">
        <v>63002</v>
      </c>
      <c r="G28" s="18">
        <v>52818</v>
      </c>
      <c r="H28" s="18">
        <v>122099</v>
      </c>
      <c r="I28" s="18">
        <v>59043</v>
      </c>
      <c r="J28" s="18">
        <v>63056</v>
      </c>
      <c r="K28" s="19">
        <v>52890</v>
      </c>
    </row>
    <row r="29" spans="1:11" ht="3.75" customHeight="1" x14ac:dyDescent="0.15">
      <c r="A29" s="27"/>
      <c r="B29" s="28"/>
      <c r="C29" s="5"/>
      <c r="D29" s="18"/>
      <c r="E29" s="18"/>
      <c r="F29" s="18"/>
      <c r="G29" s="18"/>
      <c r="H29" s="18"/>
      <c r="I29" s="18"/>
      <c r="J29" s="18"/>
      <c r="K29" s="19"/>
    </row>
    <row r="30" spans="1:11" ht="9.75" customHeight="1" x14ac:dyDescent="0.15">
      <c r="A30" s="32" t="s">
        <v>32</v>
      </c>
      <c r="B30" s="33"/>
      <c r="C30" s="20"/>
      <c r="D30" s="21">
        <v>1540869</v>
      </c>
      <c r="E30" s="21">
        <v>776439</v>
      </c>
      <c r="F30" s="21">
        <v>764430</v>
      </c>
      <c r="G30" s="21">
        <v>755688</v>
      </c>
      <c r="H30" s="21">
        <v>1540340</v>
      </c>
      <c r="I30" s="21">
        <v>776007</v>
      </c>
      <c r="J30" s="21">
        <v>764333</v>
      </c>
      <c r="K30" s="22">
        <v>755433</v>
      </c>
    </row>
    <row r="31" spans="1:11" ht="9.75" customHeight="1" x14ac:dyDescent="0.15">
      <c r="A31" s="27"/>
      <c r="B31" s="28" t="s">
        <v>33</v>
      </c>
      <c r="C31" s="5"/>
      <c r="D31" s="18">
        <v>231551</v>
      </c>
      <c r="E31" s="18">
        <v>124439</v>
      </c>
      <c r="F31" s="18">
        <v>107112</v>
      </c>
      <c r="G31" s="18">
        <v>123849</v>
      </c>
      <c r="H31" s="18">
        <v>231344</v>
      </c>
      <c r="I31" s="18">
        <v>124309</v>
      </c>
      <c r="J31" s="18">
        <v>107035</v>
      </c>
      <c r="K31" s="19">
        <v>123729</v>
      </c>
    </row>
    <row r="32" spans="1:11" ht="9.75" customHeight="1" x14ac:dyDescent="0.15">
      <c r="A32" s="27"/>
      <c r="B32" s="28" t="s">
        <v>34</v>
      </c>
      <c r="C32" s="5"/>
      <c r="D32" s="18">
        <v>170828</v>
      </c>
      <c r="E32" s="18">
        <v>86420</v>
      </c>
      <c r="F32" s="18">
        <v>84408</v>
      </c>
      <c r="G32" s="18">
        <v>80407</v>
      </c>
      <c r="H32" s="18">
        <v>170804</v>
      </c>
      <c r="I32" s="18">
        <v>86394</v>
      </c>
      <c r="J32" s="18">
        <v>84410</v>
      </c>
      <c r="K32" s="19">
        <v>80445</v>
      </c>
    </row>
    <row r="33" spans="1:11" ht="9.75" customHeight="1" x14ac:dyDescent="0.15">
      <c r="A33" s="27"/>
      <c r="B33" s="28" t="s">
        <v>35</v>
      </c>
      <c r="C33" s="5"/>
      <c r="D33" s="18">
        <v>264821</v>
      </c>
      <c r="E33" s="18">
        <v>134134</v>
      </c>
      <c r="F33" s="18">
        <v>130687</v>
      </c>
      <c r="G33" s="18">
        <v>136388</v>
      </c>
      <c r="H33" s="18">
        <v>264693</v>
      </c>
      <c r="I33" s="18">
        <v>134052</v>
      </c>
      <c r="J33" s="18">
        <v>130641</v>
      </c>
      <c r="K33" s="19">
        <v>136344</v>
      </c>
    </row>
    <row r="34" spans="1:11" ht="9.75" customHeight="1" x14ac:dyDescent="0.15">
      <c r="A34" s="27"/>
      <c r="B34" s="28" t="s">
        <v>36</v>
      </c>
      <c r="C34" s="5"/>
      <c r="D34" s="18">
        <v>234797</v>
      </c>
      <c r="E34" s="18">
        <v>116496</v>
      </c>
      <c r="F34" s="18">
        <v>118301</v>
      </c>
      <c r="G34" s="18">
        <v>115061</v>
      </c>
      <c r="H34" s="18">
        <v>234692</v>
      </c>
      <c r="I34" s="18">
        <v>116438</v>
      </c>
      <c r="J34" s="18">
        <v>118254</v>
      </c>
      <c r="K34" s="19">
        <v>114976</v>
      </c>
    </row>
    <row r="35" spans="1:11" ht="9.75" customHeight="1" x14ac:dyDescent="0.15">
      <c r="A35" s="27"/>
      <c r="B35" s="28" t="s">
        <v>37</v>
      </c>
      <c r="C35" s="5"/>
      <c r="D35" s="18">
        <v>234423</v>
      </c>
      <c r="E35" s="18">
        <v>113699</v>
      </c>
      <c r="F35" s="18">
        <v>120724</v>
      </c>
      <c r="G35" s="18">
        <v>103729</v>
      </c>
      <c r="H35" s="18">
        <v>234460</v>
      </c>
      <c r="I35" s="18">
        <v>113703</v>
      </c>
      <c r="J35" s="18">
        <v>120757</v>
      </c>
      <c r="K35" s="19">
        <v>103690</v>
      </c>
    </row>
    <row r="36" spans="1:11" ht="9.75" customHeight="1" x14ac:dyDescent="0.15">
      <c r="A36" s="27"/>
      <c r="B36" s="28" t="s">
        <v>38</v>
      </c>
      <c r="C36" s="5"/>
      <c r="D36" s="18">
        <v>223312</v>
      </c>
      <c r="E36" s="18">
        <v>113794</v>
      </c>
      <c r="F36" s="18">
        <v>109518</v>
      </c>
      <c r="G36" s="18">
        <v>115816</v>
      </c>
      <c r="H36" s="18">
        <v>223337</v>
      </c>
      <c r="I36" s="18">
        <v>113752</v>
      </c>
      <c r="J36" s="18">
        <v>109585</v>
      </c>
      <c r="K36" s="19">
        <v>115878</v>
      </c>
    </row>
    <row r="37" spans="1:11" ht="9.75" customHeight="1" x14ac:dyDescent="0.15">
      <c r="A37" s="27"/>
      <c r="B37" s="28" t="s">
        <v>39</v>
      </c>
      <c r="C37" s="5"/>
      <c r="D37" s="18">
        <v>181137</v>
      </c>
      <c r="E37" s="18">
        <v>87457</v>
      </c>
      <c r="F37" s="18">
        <v>93680</v>
      </c>
      <c r="G37" s="18">
        <v>80438</v>
      </c>
      <c r="H37" s="18">
        <v>181010</v>
      </c>
      <c r="I37" s="18">
        <v>87359</v>
      </c>
      <c r="J37" s="18">
        <v>93651</v>
      </c>
      <c r="K37" s="19">
        <v>80371</v>
      </c>
    </row>
    <row r="38" spans="1:11" ht="3.75" customHeight="1" x14ac:dyDescent="0.15">
      <c r="A38" s="27"/>
      <c r="B38" s="28"/>
      <c r="C38" s="5"/>
      <c r="D38" s="18"/>
      <c r="E38" s="18"/>
      <c r="F38" s="18"/>
      <c r="G38" s="18"/>
      <c r="H38" s="18"/>
      <c r="I38" s="18"/>
      <c r="J38" s="18"/>
      <c r="K38" s="19"/>
    </row>
    <row r="39" spans="1:11" ht="9.75" customHeight="1" x14ac:dyDescent="0.15">
      <c r="A39" s="32" t="s">
        <v>40</v>
      </c>
      <c r="B39" s="33"/>
      <c r="C39" s="20"/>
      <c r="D39" s="21">
        <v>725899</v>
      </c>
      <c r="E39" s="21">
        <v>361976</v>
      </c>
      <c r="F39" s="21">
        <v>363923</v>
      </c>
      <c r="G39" s="21">
        <v>336983</v>
      </c>
      <c r="H39" s="21">
        <v>725924</v>
      </c>
      <c r="I39" s="21">
        <v>361963</v>
      </c>
      <c r="J39" s="21">
        <v>363961</v>
      </c>
      <c r="K39" s="22">
        <v>337201</v>
      </c>
    </row>
    <row r="40" spans="1:11" ht="9.75" customHeight="1" x14ac:dyDescent="0.15">
      <c r="A40" s="27"/>
      <c r="B40" s="28" t="s">
        <v>25</v>
      </c>
      <c r="C40" s="5"/>
      <c r="D40" s="18">
        <v>169663</v>
      </c>
      <c r="E40" s="18">
        <v>85240</v>
      </c>
      <c r="F40" s="18">
        <v>84423</v>
      </c>
      <c r="G40" s="18">
        <v>75782</v>
      </c>
      <c r="H40" s="18">
        <v>169644</v>
      </c>
      <c r="I40" s="18">
        <v>85228</v>
      </c>
      <c r="J40" s="18">
        <v>84416</v>
      </c>
      <c r="K40" s="19">
        <v>75803</v>
      </c>
    </row>
    <row r="41" spans="1:11" ht="9.75" customHeight="1" x14ac:dyDescent="0.15">
      <c r="A41" s="27"/>
      <c r="B41" s="28" t="s">
        <v>41</v>
      </c>
      <c r="C41" s="5"/>
      <c r="D41" s="18">
        <v>273986</v>
      </c>
      <c r="E41" s="18">
        <v>137023</v>
      </c>
      <c r="F41" s="18">
        <v>136963</v>
      </c>
      <c r="G41" s="18">
        <v>126431</v>
      </c>
      <c r="H41" s="18">
        <v>274006</v>
      </c>
      <c r="I41" s="18">
        <v>137029</v>
      </c>
      <c r="J41" s="18">
        <v>136977</v>
      </c>
      <c r="K41" s="19">
        <v>126543</v>
      </c>
    </row>
    <row r="42" spans="1:11" ht="9.75" customHeight="1" x14ac:dyDescent="0.15">
      <c r="A42" s="27"/>
      <c r="B42" s="28" t="s">
        <v>18</v>
      </c>
      <c r="C42" s="5"/>
      <c r="D42" s="18">
        <v>282250</v>
      </c>
      <c r="E42" s="18">
        <v>139713</v>
      </c>
      <c r="F42" s="18">
        <v>142537</v>
      </c>
      <c r="G42" s="18">
        <v>134770</v>
      </c>
      <c r="H42" s="18">
        <v>282274</v>
      </c>
      <c r="I42" s="18">
        <v>139706</v>
      </c>
      <c r="J42" s="18">
        <v>142568</v>
      </c>
      <c r="K42" s="19">
        <v>134855</v>
      </c>
    </row>
    <row r="43" spans="1:11" ht="3.75" customHeight="1" x14ac:dyDescent="0.15">
      <c r="A43" s="27"/>
      <c r="B43" s="28"/>
      <c r="C43" s="5"/>
      <c r="D43" s="18"/>
      <c r="E43" s="18"/>
      <c r="F43" s="18"/>
      <c r="G43" s="18"/>
      <c r="H43" s="18"/>
      <c r="I43" s="18"/>
      <c r="J43" s="18"/>
      <c r="K43" s="19"/>
    </row>
    <row r="44" spans="1:11" ht="9.75" customHeight="1" x14ac:dyDescent="0.15">
      <c r="A44" s="34" t="s">
        <v>42</v>
      </c>
      <c r="B44" s="35"/>
      <c r="C44" s="5"/>
      <c r="D44" s="18">
        <v>385071</v>
      </c>
      <c r="E44" s="18">
        <v>192034</v>
      </c>
      <c r="F44" s="18">
        <v>193037</v>
      </c>
      <c r="G44" s="18">
        <v>165917</v>
      </c>
      <c r="H44" s="18">
        <v>384638</v>
      </c>
      <c r="I44" s="18">
        <v>191779</v>
      </c>
      <c r="J44" s="18">
        <v>192859</v>
      </c>
      <c r="K44" s="19">
        <v>165960</v>
      </c>
    </row>
    <row r="45" spans="1:11" ht="9.75" customHeight="1" x14ac:dyDescent="0.15">
      <c r="A45" s="34" t="s">
        <v>43</v>
      </c>
      <c r="B45" s="35"/>
      <c r="C45" s="5"/>
      <c r="D45" s="18">
        <v>257943</v>
      </c>
      <c r="E45" s="18">
        <v>128756</v>
      </c>
      <c r="F45" s="18">
        <v>129187</v>
      </c>
      <c r="G45" s="18">
        <v>113328</v>
      </c>
      <c r="H45" s="18">
        <v>257883</v>
      </c>
      <c r="I45" s="18">
        <v>128719</v>
      </c>
      <c r="J45" s="18">
        <v>129164</v>
      </c>
      <c r="K45" s="19">
        <v>113350</v>
      </c>
    </row>
    <row r="46" spans="1:11" ht="9.75" customHeight="1" x14ac:dyDescent="0.15">
      <c r="A46" s="34" t="s">
        <v>44</v>
      </c>
      <c r="B46" s="35"/>
      <c r="C46" s="5"/>
      <c r="D46" s="18">
        <v>172707</v>
      </c>
      <c r="E46" s="18">
        <v>81068</v>
      </c>
      <c r="F46" s="18">
        <v>91639</v>
      </c>
      <c r="G46" s="18">
        <v>76370</v>
      </c>
      <c r="H46" s="18">
        <v>172772</v>
      </c>
      <c r="I46" s="18">
        <v>81113</v>
      </c>
      <c r="J46" s="18">
        <v>91659</v>
      </c>
      <c r="K46" s="19">
        <v>76418</v>
      </c>
    </row>
    <row r="47" spans="1:11" ht="9.75" customHeight="1" x14ac:dyDescent="0.15">
      <c r="A47" s="34" t="s">
        <v>45</v>
      </c>
      <c r="B47" s="35"/>
      <c r="C47" s="5"/>
      <c r="D47" s="18">
        <v>440454</v>
      </c>
      <c r="E47" s="18">
        <v>217398</v>
      </c>
      <c r="F47" s="18">
        <v>223056</v>
      </c>
      <c r="G47" s="18">
        <v>196870</v>
      </c>
      <c r="H47" s="18">
        <v>440487</v>
      </c>
      <c r="I47" s="18">
        <v>217421</v>
      </c>
      <c r="J47" s="18">
        <v>223066</v>
      </c>
      <c r="K47" s="19">
        <v>197025</v>
      </c>
    </row>
    <row r="48" spans="1:11" ht="9.75" customHeight="1" x14ac:dyDescent="0.15">
      <c r="A48" s="34" t="s">
        <v>46</v>
      </c>
      <c r="B48" s="35"/>
      <c r="C48" s="5"/>
      <c r="D48" s="18">
        <v>188274</v>
      </c>
      <c r="E48" s="18">
        <v>90942</v>
      </c>
      <c r="F48" s="18">
        <v>97332</v>
      </c>
      <c r="G48" s="18">
        <v>82823</v>
      </c>
      <c r="H48" s="18">
        <v>188243</v>
      </c>
      <c r="I48" s="18">
        <v>90907</v>
      </c>
      <c r="J48" s="18">
        <v>97336</v>
      </c>
      <c r="K48" s="19">
        <v>82886</v>
      </c>
    </row>
    <row r="49" spans="1:11" ht="9.75" customHeight="1" x14ac:dyDescent="0.15">
      <c r="A49" s="34" t="s">
        <v>47</v>
      </c>
      <c r="B49" s="35"/>
      <c r="C49" s="5"/>
      <c r="D49" s="18">
        <v>243198</v>
      </c>
      <c r="E49" s="18">
        <v>117883</v>
      </c>
      <c r="F49" s="18">
        <v>125315</v>
      </c>
      <c r="G49" s="18">
        <v>103978</v>
      </c>
      <c r="H49" s="18">
        <v>243406</v>
      </c>
      <c r="I49" s="18">
        <v>117993</v>
      </c>
      <c r="J49" s="18">
        <v>125413</v>
      </c>
      <c r="K49" s="19">
        <v>104132</v>
      </c>
    </row>
    <row r="50" spans="1:11" ht="9.75" customHeight="1" x14ac:dyDescent="0.15">
      <c r="A50" s="34" t="s">
        <v>48</v>
      </c>
      <c r="B50" s="35"/>
      <c r="C50" s="5"/>
      <c r="D50" s="18">
        <v>57015</v>
      </c>
      <c r="E50" s="18">
        <v>26731</v>
      </c>
      <c r="F50" s="18">
        <v>30284</v>
      </c>
      <c r="G50" s="18">
        <v>25128</v>
      </c>
      <c r="H50" s="18">
        <v>57006</v>
      </c>
      <c r="I50" s="18">
        <v>26723</v>
      </c>
      <c r="J50" s="18">
        <v>30283</v>
      </c>
      <c r="K50" s="19">
        <v>25129</v>
      </c>
    </row>
    <row r="51" spans="1:11" ht="9.75" customHeight="1" x14ac:dyDescent="0.15">
      <c r="A51" s="34" t="s">
        <v>49</v>
      </c>
      <c r="B51" s="35"/>
      <c r="C51" s="5"/>
      <c r="D51" s="18">
        <v>41494</v>
      </c>
      <c r="E51" s="18">
        <v>19850</v>
      </c>
      <c r="F51" s="18">
        <v>21644</v>
      </c>
      <c r="G51" s="18">
        <v>17171</v>
      </c>
      <c r="H51" s="18">
        <v>41465</v>
      </c>
      <c r="I51" s="18">
        <v>19834</v>
      </c>
      <c r="J51" s="18">
        <v>21631</v>
      </c>
      <c r="K51" s="19">
        <v>17178</v>
      </c>
    </row>
    <row r="52" spans="1:11" ht="9.75" customHeight="1" x14ac:dyDescent="0.15">
      <c r="A52" s="34" t="s">
        <v>50</v>
      </c>
      <c r="B52" s="35"/>
      <c r="C52" s="5"/>
      <c r="D52" s="18">
        <v>161994</v>
      </c>
      <c r="E52" s="18">
        <v>81887</v>
      </c>
      <c r="F52" s="18">
        <v>80107</v>
      </c>
      <c r="G52" s="18">
        <v>70943</v>
      </c>
      <c r="H52" s="18">
        <v>161976</v>
      </c>
      <c r="I52" s="18">
        <v>81867</v>
      </c>
      <c r="J52" s="18">
        <v>80109</v>
      </c>
      <c r="K52" s="19">
        <v>70996</v>
      </c>
    </row>
    <row r="53" spans="1:11" ht="9.75" customHeight="1" x14ac:dyDescent="0.15">
      <c r="A53" s="34" t="s">
        <v>51</v>
      </c>
      <c r="B53" s="35"/>
      <c r="C53" s="5"/>
      <c r="D53" s="18">
        <v>223909</v>
      </c>
      <c r="E53" s="18">
        <v>115395</v>
      </c>
      <c r="F53" s="18">
        <v>108514</v>
      </c>
      <c r="G53" s="18">
        <v>101743</v>
      </c>
      <c r="H53" s="18">
        <v>223771</v>
      </c>
      <c r="I53" s="18">
        <v>115293</v>
      </c>
      <c r="J53" s="18">
        <v>108478</v>
      </c>
      <c r="K53" s="19">
        <v>101734</v>
      </c>
    </row>
    <row r="54" spans="1:11" ht="9.75" customHeight="1" x14ac:dyDescent="0.15">
      <c r="A54" s="34" t="s">
        <v>52</v>
      </c>
      <c r="B54" s="35"/>
      <c r="C54" s="5"/>
      <c r="D54" s="18">
        <v>241006</v>
      </c>
      <c r="E54" s="18">
        <v>120227</v>
      </c>
      <c r="F54" s="18">
        <v>120779</v>
      </c>
      <c r="G54" s="18">
        <v>112537</v>
      </c>
      <c r="H54" s="18">
        <v>241180</v>
      </c>
      <c r="I54" s="18">
        <v>120269</v>
      </c>
      <c r="J54" s="18">
        <v>120911</v>
      </c>
      <c r="K54" s="19">
        <v>112630</v>
      </c>
    </row>
    <row r="55" spans="1:11" ht="9.75" customHeight="1" x14ac:dyDescent="0.15">
      <c r="A55" s="34" t="s">
        <v>53</v>
      </c>
      <c r="B55" s="35"/>
      <c r="C55" s="5"/>
      <c r="D55" s="18">
        <v>101254</v>
      </c>
      <c r="E55" s="18">
        <v>51224</v>
      </c>
      <c r="F55" s="18">
        <v>50030</v>
      </c>
      <c r="G55" s="18">
        <v>45613</v>
      </c>
      <c r="H55" s="18">
        <v>101237</v>
      </c>
      <c r="I55" s="18">
        <v>51189</v>
      </c>
      <c r="J55" s="18">
        <v>50048</v>
      </c>
      <c r="K55" s="19">
        <v>45594</v>
      </c>
    </row>
    <row r="56" spans="1:11" ht="9.75" customHeight="1" x14ac:dyDescent="0.15">
      <c r="A56" s="34" t="s">
        <v>54</v>
      </c>
      <c r="B56" s="35"/>
      <c r="C56" s="5"/>
      <c r="D56" s="18">
        <v>137307</v>
      </c>
      <c r="E56" s="18">
        <v>68997</v>
      </c>
      <c r="F56" s="18">
        <v>68310</v>
      </c>
      <c r="G56" s="18">
        <v>59286</v>
      </c>
      <c r="H56" s="18">
        <v>137303</v>
      </c>
      <c r="I56" s="18">
        <v>68990</v>
      </c>
      <c r="J56" s="18">
        <v>68313</v>
      </c>
      <c r="K56" s="19">
        <v>59310</v>
      </c>
    </row>
    <row r="57" spans="1:11" ht="9.75" customHeight="1" x14ac:dyDescent="0.15">
      <c r="A57" s="34" t="s">
        <v>55</v>
      </c>
      <c r="B57" s="35"/>
      <c r="C57" s="5"/>
      <c r="D57" s="18">
        <v>132410</v>
      </c>
      <c r="E57" s="18">
        <v>65923</v>
      </c>
      <c r="F57" s="18">
        <v>66487</v>
      </c>
      <c r="G57" s="18">
        <v>60809</v>
      </c>
      <c r="H57" s="18">
        <v>132252</v>
      </c>
      <c r="I57" s="18">
        <v>65825</v>
      </c>
      <c r="J57" s="18">
        <v>66427</v>
      </c>
      <c r="K57" s="19">
        <v>60742</v>
      </c>
    </row>
    <row r="58" spans="1:11" ht="9.75" customHeight="1" x14ac:dyDescent="0.15">
      <c r="A58" s="34" t="s">
        <v>56</v>
      </c>
      <c r="B58" s="35"/>
      <c r="C58" s="5"/>
      <c r="D58" s="18">
        <v>40448</v>
      </c>
      <c r="E58" s="18">
        <v>19804</v>
      </c>
      <c r="F58" s="18">
        <v>20644</v>
      </c>
      <c r="G58" s="18">
        <v>16366</v>
      </c>
      <c r="H58" s="18">
        <v>40412</v>
      </c>
      <c r="I58" s="18">
        <v>19779</v>
      </c>
      <c r="J58" s="18">
        <v>20633</v>
      </c>
      <c r="K58" s="19">
        <v>16350</v>
      </c>
    </row>
    <row r="59" spans="1:11" ht="9.75" customHeight="1" x14ac:dyDescent="0.15">
      <c r="A59" s="34" t="s">
        <v>57</v>
      </c>
      <c r="B59" s="35"/>
      <c r="C59" s="5"/>
      <c r="D59" s="18">
        <v>83323</v>
      </c>
      <c r="E59" s="18">
        <v>42228</v>
      </c>
      <c r="F59" s="18">
        <v>41095</v>
      </c>
      <c r="G59" s="18">
        <v>34909</v>
      </c>
      <c r="H59" s="18">
        <v>83317</v>
      </c>
      <c r="I59" s="18">
        <v>42198</v>
      </c>
      <c r="J59" s="18">
        <v>41119</v>
      </c>
      <c r="K59" s="19">
        <v>34909</v>
      </c>
    </row>
    <row r="60" spans="1:11" ht="3.75" customHeight="1" x14ac:dyDescent="0.15">
      <c r="A60" s="27"/>
      <c r="B60" s="28"/>
      <c r="C60" s="5"/>
      <c r="D60" s="18"/>
      <c r="E60" s="18"/>
      <c r="F60" s="18"/>
      <c r="G60" s="18"/>
      <c r="H60" s="18"/>
      <c r="I60" s="18"/>
      <c r="J60" s="18"/>
      <c r="K60" s="19"/>
    </row>
    <row r="61" spans="1:11" ht="9.75" customHeight="1" x14ac:dyDescent="0.15">
      <c r="A61" s="34" t="s">
        <v>58</v>
      </c>
      <c r="B61" s="35"/>
      <c r="C61" s="5"/>
      <c r="D61" s="12">
        <v>31684</v>
      </c>
      <c r="E61" s="18">
        <v>14881</v>
      </c>
      <c r="F61" s="18">
        <v>16803</v>
      </c>
      <c r="G61" s="18">
        <v>13090</v>
      </c>
      <c r="H61" s="18">
        <v>31667</v>
      </c>
      <c r="I61" s="18">
        <v>14872</v>
      </c>
      <c r="J61" s="18">
        <v>16795</v>
      </c>
      <c r="K61" s="19">
        <v>13092</v>
      </c>
    </row>
    <row r="62" spans="1:11" ht="3.75" customHeight="1" x14ac:dyDescent="0.15">
      <c r="A62" s="27"/>
      <c r="B62" s="28"/>
      <c r="C62" s="5"/>
      <c r="D62" s="18"/>
      <c r="E62" s="18"/>
      <c r="F62" s="18"/>
      <c r="G62" s="18"/>
      <c r="H62" s="18"/>
      <c r="I62" s="18"/>
      <c r="J62" s="18"/>
      <c r="K62" s="19"/>
    </row>
    <row r="63" spans="1:11" ht="9.75" customHeight="1" x14ac:dyDescent="0.15">
      <c r="A63" s="34" t="s">
        <v>59</v>
      </c>
      <c r="B63" s="35"/>
      <c r="C63" s="5"/>
      <c r="D63" s="12">
        <v>48531</v>
      </c>
      <c r="E63" s="18">
        <v>24544</v>
      </c>
      <c r="F63" s="18">
        <v>23987</v>
      </c>
      <c r="G63" s="18">
        <v>20136</v>
      </c>
      <c r="H63" s="18">
        <v>48495</v>
      </c>
      <c r="I63" s="18">
        <v>24530</v>
      </c>
      <c r="J63" s="18">
        <v>23965</v>
      </c>
      <c r="K63" s="19">
        <v>20150</v>
      </c>
    </row>
    <row r="64" spans="1:11" ht="3.75" customHeight="1" x14ac:dyDescent="0.15">
      <c r="A64" s="27"/>
      <c r="B64" s="28"/>
      <c r="C64" s="5"/>
      <c r="D64" s="18"/>
      <c r="E64" s="18"/>
      <c r="F64" s="18"/>
      <c r="G64" s="18"/>
      <c r="H64" s="18"/>
      <c r="I64" s="18"/>
      <c r="J64" s="18"/>
      <c r="K64" s="19"/>
    </row>
    <row r="65" spans="1:11" ht="9.75" customHeight="1" x14ac:dyDescent="0.15">
      <c r="A65" s="32" t="s">
        <v>60</v>
      </c>
      <c r="B65" s="33"/>
      <c r="C65" s="20"/>
      <c r="D65" s="21">
        <v>58921</v>
      </c>
      <c r="E65" s="21">
        <v>28523</v>
      </c>
      <c r="F65" s="21">
        <v>30398</v>
      </c>
      <c r="G65" s="21">
        <v>24400</v>
      </c>
      <c r="H65" s="21">
        <v>58856</v>
      </c>
      <c r="I65" s="21">
        <v>28491</v>
      </c>
      <c r="J65" s="21">
        <v>30365</v>
      </c>
      <c r="K65" s="22">
        <v>24378</v>
      </c>
    </row>
    <row r="66" spans="1:11" ht="9.75" customHeight="1" x14ac:dyDescent="0.15">
      <c r="A66" s="27"/>
      <c r="B66" s="28" t="s">
        <v>61</v>
      </c>
      <c r="C66" s="5"/>
      <c r="D66" s="18">
        <v>31537</v>
      </c>
      <c r="E66" s="18">
        <v>15357</v>
      </c>
      <c r="F66" s="18">
        <v>16180</v>
      </c>
      <c r="G66" s="18">
        <v>12795</v>
      </c>
      <c r="H66" s="18">
        <v>31475</v>
      </c>
      <c r="I66" s="18">
        <v>15333</v>
      </c>
      <c r="J66" s="18">
        <v>16142</v>
      </c>
      <c r="K66" s="19">
        <v>12770</v>
      </c>
    </row>
    <row r="67" spans="1:11" ht="9.75" customHeight="1" x14ac:dyDescent="0.15">
      <c r="A67" s="27"/>
      <c r="B67" s="28" t="s">
        <v>62</v>
      </c>
      <c r="C67" s="5"/>
      <c r="D67" s="18">
        <v>27384</v>
      </c>
      <c r="E67" s="18">
        <v>13166</v>
      </c>
      <c r="F67" s="18">
        <v>14218</v>
      </c>
      <c r="G67" s="18">
        <v>11605</v>
      </c>
      <c r="H67" s="18">
        <v>27381</v>
      </c>
      <c r="I67" s="18">
        <v>13158</v>
      </c>
      <c r="J67" s="18">
        <v>14223</v>
      </c>
      <c r="K67" s="19">
        <v>11608</v>
      </c>
    </row>
    <row r="68" spans="1:11" ht="3.75" customHeight="1" x14ac:dyDescent="0.15">
      <c r="A68" s="27"/>
      <c r="B68" s="28"/>
      <c r="C68" s="5"/>
      <c r="D68" s="18"/>
      <c r="E68" s="18"/>
      <c r="F68" s="18"/>
      <c r="G68" s="18"/>
      <c r="H68" s="18"/>
      <c r="I68" s="18"/>
      <c r="J68" s="18"/>
      <c r="K68" s="19"/>
    </row>
    <row r="69" spans="1:11" ht="9.75" customHeight="1" x14ac:dyDescent="0.15">
      <c r="A69" s="32" t="s">
        <v>63</v>
      </c>
      <c r="B69" s="33"/>
      <c r="C69" s="20"/>
      <c r="D69" s="21">
        <v>65035</v>
      </c>
      <c r="E69" s="21">
        <v>32006</v>
      </c>
      <c r="F69" s="21">
        <v>33029</v>
      </c>
      <c r="G69" s="21">
        <v>25759</v>
      </c>
      <c r="H69" s="21">
        <v>65023</v>
      </c>
      <c r="I69" s="21">
        <v>32019</v>
      </c>
      <c r="J69" s="21">
        <v>33004</v>
      </c>
      <c r="K69" s="22">
        <v>25777</v>
      </c>
    </row>
    <row r="70" spans="1:11" ht="9.75" customHeight="1" x14ac:dyDescent="0.15">
      <c r="A70" s="27"/>
      <c r="B70" s="28" t="s">
        <v>64</v>
      </c>
      <c r="C70" s="5"/>
      <c r="D70" s="18">
        <v>9142</v>
      </c>
      <c r="E70" s="18">
        <v>4569</v>
      </c>
      <c r="F70" s="18">
        <v>4573</v>
      </c>
      <c r="G70" s="18">
        <v>3410</v>
      </c>
      <c r="H70" s="18">
        <v>9116</v>
      </c>
      <c r="I70" s="18">
        <v>4561</v>
      </c>
      <c r="J70" s="18">
        <v>4555</v>
      </c>
      <c r="K70" s="19">
        <v>3408</v>
      </c>
    </row>
    <row r="71" spans="1:11" ht="9.75" customHeight="1" x14ac:dyDescent="0.15">
      <c r="A71" s="27"/>
      <c r="B71" s="28" t="s">
        <v>65</v>
      </c>
      <c r="C71" s="5"/>
      <c r="D71" s="18">
        <v>17146</v>
      </c>
      <c r="E71" s="18">
        <v>8411</v>
      </c>
      <c r="F71" s="18">
        <v>8735</v>
      </c>
      <c r="G71" s="18">
        <v>6816</v>
      </c>
      <c r="H71" s="18">
        <v>17158</v>
      </c>
      <c r="I71" s="18">
        <v>8423</v>
      </c>
      <c r="J71" s="18">
        <v>8735</v>
      </c>
      <c r="K71" s="19">
        <v>6827</v>
      </c>
    </row>
    <row r="72" spans="1:11" ht="9.75" customHeight="1" x14ac:dyDescent="0.15">
      <c r="A72" s="27"/>
      <c r="B72" s="28" t="s">
        <v>66</v>
      </c>
      <c r="C72" s="5"/>
      <c r="D72" s="18">
        <v>10639</v>
      </c>
      <c r="E72" s="18">
        <v>5283</v>
      </c>
      <c r="F72" s="18">
        <v>5356</v>
      </c>
      <c r="G72" s="18">
        <v>4541</v>
      </c>
      <c r="H72" s="18">
        <v>10616</v>
      </c>
      <c r="I72" s="18">
        <v>5274</v>
      </c>
      <c r="J72" s="18">
        <v>5342</v>
      </c>
      <c r="K72" s="19">
        <v>4530</v>
      </c>
    </row>
    <row r="73" spans="1:11" ht="9.75" customHeight="1" x14ac:dyDescent="0.15">
      <c r="A73" s="27"/>
      <c r="B73" s="28" t="s">
        <v>67</v>
      </c>
      <c r="C73" s="5"/>
      <c r="D73" s="18">
        <v>9624</v>
      </c>
      <c r="E73" s="18">
        <v>4759</v>
      </c>
      <c r="F73" s="18">
        <v>4865</v>
      </c>
      <c r="G73" s="18">
        <v>3938</v>
      </c>
      <c r="H73" s="18">
        <v>9620</v>
      </c>
      <c r="I73" s="18">
        <v>4764</v>
      </c>
      <c r="J73" s="18">
        <v>4856</v>
      </c>
      <c r="K73" s="19">
        <v>3942</v>
      </c>
    </row>
    <row r="74" spans="1:11" ht="9.75" customHeight="1" x14ac:dyDescent="0.15">
      <c r="A74" s="27"/>
      <c r="B74" s="28" t="s">
        <v>68</v>
      </c>
      <c r="C74" s="5"/>
      <c r="D74" s="18">
        <v>18484</v>
      </c>
      <c r="E74" s="18">
        <v>8984</v>
      </c>
      <c r="F74" s="18">
        <v>9500</v>
      </c>
      <c r="G74" s="18">
        <v>7054</v>
      </c>
      <c r="H74" s="18">
        <v>18513</v>
      </c>
      <c r="I74" s="18">
        <v>8997</v>
      </c>
      <c r="J74" s="18">
        <v>9516</v>
      </c>
      <c r="K74" s="19">
        <v>7070</v>
      </c>
    </row>
    <row r="75" spans="1:11" ht="3.75" customHeight="1" x14ac:dyDescent="0.15">
      <c r="A75" s="27"/>
      <c r="B75" s="28"/>
      <c r="C75" s="5"/>
      <c r="D75" s="18"/>
      <c r="E75" s="18"/>
      <c r="F75" s="18"/>
      <c r="G75" s="18"/>
      <c r="H75" s="18"/>
      <c r="I75" s="18"/>
      <c r="J75" s="18"/>
      <c r="K75" s="19"/>
    </row>
    <row r="76" spans="1:11" ht="9.75" customHeight="1" x14ac:dyDescent="0.15">
      <c r="A76" s="32" t="s">
        <v>69</v>
      </c>
      <c r="B76" s="33"/>
      <c r="C76" s="20"/>
      <c r="D76" s="21">
        <v>40929</v>
      </c>
      <c r="E76" s="21">
        <v>19183</v>
      </c>
      <c r="F76" s="21">
        <v>21746</v>
      </c>
      <c r="G76" s="21">
        <v>20058</v>
      </c>
      <c r="H76" s="21">
        <v>40861</v>
      </c>
      <c r="I76" s="21">
        <v>19144</v>
      </c>
      <c r="J76" s="21">
        <v>21717</v>
      </c>
      <c r="K76" s="22">
        <v>20029</v>
      </c>
    </row>
    <row r="77" spans="1:11" ht="9.75" customHeight="1" x14ac:dyDescent="0.15">
      <c r="A77" s="27"/>
      <c r="B77" s="28" t="s">
        <v>70</v>
      </c>
      <c r="C77" s="5"/>
      <c r="D77" s="18">
        <v>11216</v>
      </c>
      <c r="E77" s="18">
        <v>5380</v>
      </c>
      <c r="F77" s="18">
        <v>5836</v>
      </c>
      <c r="G77" s="18">
        <v>6405</v>
      </c>
      <c r="H77" s="18">
        <v>11174</v>
      </c>
      <c r="I77" s="18">
        <v>5357</v>
      </c>
      <c r="J77" s="18">
        <v>5817</v>
      </c>
      <c r="K77" s="19">
        <v>6368</v>
      </c>
    </row>
    <row r="78" spans="1:11" ht="9.75" customHeight="1" x14ac:dyDescent="0.15">
      <c r="A78" s="27"/>
      <c r="B78" s="28" t="s">
        <v>71</v>
      </c>
      <c r="C78" s="5"/>
      <c r="D78" s="18">
        <v>6604</v>
      </c>
      <c r="E78" s="18">
        <v>3062</v>
      </c>
      <c r="F78" s="18">
        <v>3542</v>
      </c>
      <c r="G78" s="18">
        <v>2949</v>
      </c>
      <c r="H78" s="18">
        <v>6598</v>
      </c>
      <c r="I78" s="18">
        <v>3057</v>
      </c>
      <c r="J78" s="18">
        <v>3541</v>
      </c>
      <c r="K78" s="19">
        <v>2954</v>
      </c>
    </row>
    <row r="79" spans="1:11" ht="9.75" customHeight="1" x14ac:dyDescent="0.15">
      <c r="A79" s="27"/>
      <c r="B79" s="28" t="s">
        <v>72</v>
      </c>
      <c r="C79" s="5"/>
      <c r="D79" s="18">
        <v>23109</v>
      </c>
      <c r="E79" s="18">
        <v>10741</v>
      </c>
      <c r="F79" s="18">
        <v>12368</v>
      </c>
      <c r="G79" s="18">
        <v>10704</v>
      </c>
      <c r="H79" s="18">
        <v>23089</v>
      </c>
      <c r="I79" s="18">
        <v>10730</v>
      </c>
      <c r="J79" s="18">
        <v>12359</v>
      </c>
      <c r="K79" s="19">
        <v>10707</v>
      </c>
    </row>
    <row r="80" spans="1:11" ht="3.75" customHeight="1" x14ac:dyDescent="0.15">
      <c r="A80" s="27"/>
      <c r="B80" s="28"/>
      <c r="C80" s="5"/>
      <c r="D80" s="18"/>
      <c r="E80" s="18"/>
      <c r="F80" s="18"/>
      <c r="G80" s="18"/>
      <c r="H80" s="18"/>
      <c r="I80" s="18"/>
      <c r="J80" s="18"/>
      <c r="K80" s="19"/>
    </row>
    <row r="81" spans="1:11" ht="9.75" customHeight="1" x14ac:dyDescent="0.15">
      <c r="A81" s="32" t="s">
        <v>73</v>
      </c>
      <c r="B81" s="33"/>
      <c r="C81" s="20"/>
      <c r="D81" s="21">
        <v>42539</v>
      </c>
      <c r="E81" s="21">
        <v>22256</v>
      </c>
      <c r="F81" s="21">
        <v>20283</v>
      </c>
      <c r="G81" s="21">
        <v>18328</v>
      </c>
      <c r="H81" s="21">
        <v>42562</v>
      </c>
      <c r="I81" s="21">
        <v>22269</v>
      </c>
      <c r="J81" s="21">
        <v>20293</v>
      </c>
      <c r="K81" s="22">
        <v>18346</v>
      </c>
    </row>
    <row r="82" spans="1:11" ht="9.75" customHeight="1" x14ac:dyDescent="0.15">
      <c r="A82" s="27"/>
      <c r="B82" s="28" t="s">
        <v>74</v>
      </c>
      <c r="C82" s="5"/>
      <c r="D82" s="18">
        <v>39522</v>
      </c>
      <c r="E82" s="18">
        <v>20723</v>
      </c>
      <c r="F82" s="18">
        <v>18799</v>
      </c>
      <c r="G82" s="18">
        <v>17205</v>
      </c>
      <c r="H82" s="18">
        <v>39537</v>
      </c>
      <c r="I82" s="18">
        <v>20732</v>
      </c>
      <c r="J82" s="18">
        <v>18805</v>
      </c>
      <c r="K82" s="19">
        <v>17211</v>
      </c>
    </row>
    <row r="83" spans="1:11" ht="9.75" customHeight="1" x14ac:dyDescent="0.15">
      <c r="A83" s="27"/>
      <c r="B83" s="28" t="s">
        <v>75</v>
      </c>
      <c r="C83" s="5"/>
      <c r="D83" s="18">
        <v>3017</v>
      </c>
      <c r="E83" s="18">
        <v>1533</v>
      </c>
      <c r="F83" s="18">
        <v>1484</v>
      </c>
      <c r="G83" s="18">
        <v>1123</v>
      </c>
      <c r="H83" s="18">
        <v>3025</v>
      </c>
      <c r="I83" s="18">
        <v>1537</v>
      </c>
      <c r="J83" s="18">
        <v>1488</v>
      </c>
      <c r="K83" s="19">
        <v>1135</v>
      </c>
    </row>
    <row r="84" spans="1:11" ht="3.75" customHeight="1" thickBot="1" x14ac:dyDescent="0.2">
      <c r="A84" s="23"/>
      <c r="B84" s="24"/>
      <c r="C84" s="24"/>
      <c r="D84" s="25"/>
      <c r="E84" s="25"/>
      <c r="F84" s="25"/>
      <c r="G84" s="25"/>
      <c r="H84" s="25"/>
      <c r="I84" s="25"/>
      <c r="J84" s="25"/>
      <c r="K84" s="26"/>
    </row>
    <row r="85" spans="1:11" ht="9.75" customHeight="1" x14ac:dyDescent="0.15"/>
  </sheetData>
  <mergeCells count="34">
    <mergeCell ref="A65:B65"/>
    <mergeCell ref="A69:B69"/>
    <mergeCell ref="A76:B76"/>
    <mergeCell ref="A81:B81"/>
    <mergeCell ref="A56:B56"/>
    <mergeCell ref="A57:B57"/>
    <mergeCell ref="A58:B58"/>
    <mergeCell ref="A59:B59"/>
    <mergeCell ref="A61:B61"/>
    <mergeCell ref="A63:B63"/>
    <mergeCell ref="A55:B55"/>
    <mergeCell ref="A44:B44"/>
    <mergeCell ref="A45:B45"/>
    <mergeCell ref="A46:B46"/>
    <mergeCell ref="A47:B47"/>
    <mergeCell ref="A48:B48"/>
    <mergeCell ref="A49:B49"/>
    <mergeCell ref="A50:B50"/>
    <mergeCell ref="A51:B51"/>
    <mergeCell ref="A52:B52"/>
    <mergeCell ref="A54:B54"/>
    <mergeCell ref="A39:B39"/>
    <mergeCell ref="A1:K1"/>
    <mergeCell ref="A2:C2"/>
    <mergeCell ref="I2:K2"/>
    <mergeCell ref="A3:C4"/>
    <mergeCell ref="D3:G3"/>
    <mergeCell ref="H3:K3"/>
    <mergeCell ref="A6:B6"/>
    <mergeCell ref="A7:B7"/>
    <mergeCell ref="A8:B8"/>
    <mergeCell ref="A10:B10"/>
    <mergeCell ref="A30:B30"/>
    <mergeCell ref="A53:B53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orientation="portrait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V85"/>
  <sheetViews>
    <sheetView view="pageBreakPreview" zoomScaleNormal="115" zoomScaleSheetLayoutView="100" workbookViewId="0">
      <selection sqref="A1:K1"/>
    </sheetView>
  </sheetViews>
  <sheetFormatPr defaultRowHeight="14.25" x14ac:dyDescent="0.15"/>
  <cols>
    <col min="1" max="1" width="1.75" style="29" customWidth="1"/>
    <col min="2" max="2" width="7.5" style="29" customWidth="1"/>
    <col min="3" max="3" width="1.25" style="29" customWidth="1"/>
    <col min="4" max="11" width="8.5" style="29" customWidth="1"/>
    <col min="12" max="18" width="6.875" style="29" customWidth="1"/>
  </cols>
  <sheetData>
    <row r="1" spans="1:22" ht="18.75" customHeight="1" x14ac:dyDescent="0.15">
      <c r="A1" s="36" t="s">
        <v>92</v>
      </c>
      <c r="B1" s="36"/>
      <c r="C1" s="36"/>
      <c r="D1" s="36"/>
      <c r="E1" s="36"/>
      <c r="F1" s="36"/>
      <c r="G1" s="36"/>
      <c r="H1" s="36"/>
      <c r="I1" s="36"/>
      <c r="J1" s="36"/>
      <c r="K1" s="36"/>
    </row>
    <row r="2" spans="1:22" ht="15" customHeight="1" thickBot="1" x14ac:dyDescent="0.2">
      <c r="A2" s="37" t="s">
        <v>1</v>
      </c>
      <c r="B2" s="37"/>
      <c r="C2" s="37"/>
      <c r="I2" s="38"/>
      <c r="J2" s="38"/>
      <c r="K2" s="38"/>
    </row>
    <row r="3" spans="1:22" ht="15" customHeight="1" x14ac:dyDescent="0.15">
      <c r="A3" s="39" t="s">
        <v>2</v>
      </c>
      <c r="B3" s="40"/>
      <c r="C3" s="40"/>
      <c r="D3" s="43" t="s">
        <v>91</v>
      </c>
      <c r="E3" s="40"/>
      <c r="F3" s="40"/>
      <c r="G3" s="44"/>
      <c r="H3" s="43" t="s">
        <v>90</v>
      </c>
      <c r="I3" s="40"/>
      <c r="J3" s="40"/>
      <c r="K3" s="45"/>
    </row>
    <row r="4" spans="1:22" ht="15" customHeight="1" x14ac:dyDescent="0.15">
      <c r="A4" s="41"/>
      <c r="B4" s="42"/>
      <c r="C4" s="42"/>
      <c r="D4" s="2" t="s">
        <v>3</v>
      </c>
      <c r="E4" s="2" t="s">
        <v>4</v>
      </c>
      <c r="F4" s="2" t="s">
        <v>5</v>
      </c>
      <c r="G4" s="2" t="s">
        <v>6</v>
      </c>
      <c r="H4" s="2" t="s">
        <v>7</v>
      </c>
      <c r="I4" s="2" t="s">
        <v>4</v>
      </c>
      <c r="J4" s="2" t="s">
        <v>5</v>
      </c>
      <c r="K4" s="3" t="s">
        <v>6</v>
      </c>
    </row>
    <row r="5" spans="1:22" ht="10.5" customHeight="1" x14ac:dyDescent="0.15">
      <c r="A5" s="4"/>
      <c r="B5" s="5"/>
      <c r="C5" s="5"/>
      <c r="D5" s="6" t="s">
        <v>8</v>
      </c>
      <c r="E5" s="6" t="s">
        <v>8</v>
      </c>
      <c r="F5" s="6" t="s">
        <v>8</v>
      </c>
      <c r="G5" s="6" t="s">
        <v>9</v>
      </c>
      <c r="H5" s="6" t="s">
        <v>8</v>
      </c>
      <c r="I5" s="6" t="s">
        <v>8</v>
      </c>
      <c r="J5" s="6" t="s">
        <v>8</v>
      </c>
      <c r="K5" s="7" t="s">
        <v>9</v>
      </c>
    </row>
    <row r="6" spans="1:22" ht="9.75" customHeight="1" x14ac:dyDescent="0.15">
      <c r="A6" s="46" t="s">
        <v>10</v>
      </c>
      <c r="B6" s="47"/>
      <c r="C6" s="8"/>
      <c r="D6" s="9">
        <v>9235158</v>
      </c>
      <c r="E6" s="9">
        <v>4582944</v>
      </c>
      <c r="F6" s="9">
        <v>4652214</v>
      </c>
      <c r="G6" s="9">
        <v>4266919</v>
      </c>
      <c r="H6" s="9">
        <v>9233647</v>
      </c>
      <c r="I6" s="9">
        <v>4581813</v>
      </c>
      <c r="J6" s="9">
        <v>4651834</v>
      </c>
      <c r="K6" s="10">
        <v>4267311</v>
      </c>
    </row>
    <row r="7" spans="1:22" s="14" customFormat="1" ht="9.75" customHeight="1" x14ac:dyDescent="0.15">
      <c r="A7" s="30" t="s">
        <v>11</v>
      </c>
      <c r="B7" s="31"/>
      <c r="C7" s="11"/>
      <c r="D7" s="12">
        <v>8947794</v>
      </c>
      <c r="E7" s="12">
        <v>4441609</v>
      </c>
      <c r="F7" s="12">
        <v>4506185</v>
      </c>
      <c r="G7" s="12">
        <v>4145129</v>
      </c>
      <c r="H7" s="12">
        <v>8946365</v>
      </c>
      <c r="I7" s="12">
        <v>4440496</v>
      </c>
      <c r="J7" s="12">
        <v>4505869</v>
      </c>
      <c r="K7" s="13">
        <v>4145513</v>
      </c>
      <c r="S7" s="15"/>
      <c r="T7" s="15"/>
      <c r="U7" s="15"/>
      <c r="V7" s="15"/>
    </row>
    <row r="8" spans="1:22" s="14" customFormat="1" ht="9.75" customHeight="1" x14ac:dyDescent="0.15">
      <c r="A8" s="30" t="s">
        <v>12</v>
      </c>
      <c r="B8" s="31"/>
      <c r="C8" s="11"/>
      <c r="D8" s="12">
        <v>287364</v>
      </c>
      <c r="E8" s="12">
        <v>141335</v>
      </c>
      <c r="F8" s="12">
        <v>146029</v>
      </c>
      <c r="G8" s="12">
        <v>121790</v>
      </c>
      <c r="H8" s="12">
        <v>287282</v>
      </c>
      <c r="I8" s="12">
        <v>141317</v>
      </c>
      <c r="J8" s="12">
        <v>145965</v>
      </c>
      <c r="K8" s="13">
        <v>121798</v>
      </c>
      <c r="S8" s="15"/>
      <c r="T8" s="15"/>
      <c r="U8" s="15"/>
      <c r="V8" s="15"/>
    </row>
    <row r="9" spans="1:22" ht="3.75" customHeight="1" x14ac:dyDescent="0.15">
      <c r="A9" s="27"/>
      <c r="B9" s="28"/>
      <c r="C9" s="5"/>
      <c r="D9" s="18"/>
      <c r="E9" s="18"/>
      <c r="F9" s="18"/>
      <c r="G9" s="18"/>
      <c r="H9" s="18"/>
      <c r="I9" s="18"/>
      <c r="J9" s="18"/>
      <c r="K9" s="19"/>
    </row>
    <row r="10" spans="1:22" ht="9.75" customHeight="1" x14ac:dyDescent="0.15">
      <c r="A10" s="32" t="s">
        <v>13</v>
      </c>
      <c r="B10" s="33"/>
      <c r="C10" s="20"/>
      <c r="D10" s="21">
        <v>3774936</v>
      </c>
      <c r="E10" s="21">
        <v>1864213</v>
      </c>
      <c r="F10" s="21">
        <v>1910723</v>
      </c>
      <c r="G10" s="21">
        <v>1767654</v>
      </c>
      <c r="H10" s="21">
        <v>3773982</v>
      </c>
      <c r="I10" s="21">
        <v>1863530</v>
      </c>
      <c r="J10" s="21">
        <v>1910452</v>
      </c>
      <c r="K10" s="22">
        <v>1767422</v>
      </c>
    </row>
    <row r="11" spans="1:22" ht="9.75" customHeight="1" x14ac:dyDescent="0.15">
      <c r="A11" s="27"/>
      <c r="B11" s="28" t="s">
        <v>14</v>
      </c>
      <c r="C11" s="5"/>
      <c r="D11" s="18">
        <v>296166</v>
      </c>
      <c r="E11" s="18">
        <v>152686</v>
      </c>
      <c r="F11" s="18">
        <v>143480</v>
      </c>
      <c r="G11" s="18">
        <v>145922</v>
      </c>
      <c r="H11" s="18">
        <v>295940</v>
      </c>
      <c r="I11" s="18">
        <v>152520</v>
      </c>
      <c r="J11" s="18">
        <v>143420</v>
      </c>
      <c r="K11" s="19">
        <v>145761</v>
      </c>
    </row>
    <row r="12" spans="1:22" ht="9.75" customHeight="1" x14ac:dyDescent="0.15">
      <c r="A12" s="27"/>
      <c r="B12" s="28" t="s">
        <v>15</v>
      </c>
      <c r="C12" s="5"/>
      <c r="D12" s="18">
        <v>247588</v>
      </c>
      <c r="E12" s="18">
        <v>126241</v>
      </c>
      <c r="F12" s="18">
        <v>121347</v>
      </c>
      <c r="G12" s="18">
        <v>130520</v>
      </c>
      <c r="H12" s="18">
        <v>247572</v>
      </c>
      <c r="I12" s="18">
        <v>126224</v>
      </c>
      <c r="J12" s="18">
        <v>121348</v>
      </c>
      <c r="K12" s="19">
        <v>130479</v>
      </c>
    </row>
    <row r="13" spans="1:22" ht="9.75" customHeight="1" x14ac:dyDescent="0.15">
      <c r="A13" s="27"/>
      <c r="B13" s="28" t="s">
        <v>16</v>
      </c>
      <c r="C13" s="5"/>
      <c r="D13" s="18">
        <v>104720</v>
      </c>
      <c r="E13" s="18">
        <v>52923</v>
      </c>
      <c r="F13" s="18">
        <v>51797</v>
      </c>
      <c r="G13" s="18">
        <v>57355</v>
      </c>
      <c r="H13" s="18">
        <v>104604</v>
      </c>
      <c r="I13" s="18">
        <v>52854</v>
      </c>
      <c r="J13" s="18">
        <v>51750</v>
      </c>
      <c r="K13" s="19">
        <v>57297</v>
      </c>
    </row>
    <row r="14" spans="1:22" ht="9.75" customHeight="1" x14ac:dyDescent="0.15">
      <c r="A14" s="27"/>
      <c r="B14" s="28" t="s">
        <v>17</v>
      </c>
      <c r="C14" s="5"/>
      <c r="D14" s="18">
        <v>150551</v>
      </c>
      <c r="E14" s="18">
        <v>76627</v>
      </c>
      <c r="F14" s="18">
        <v>73924</v>
      </c>
      <c r="G14" s="18">
        <v>85095</v>
      </c>
      <c r="H14" s="18">
        <v>150567</v>
      </c>
      <c r="I14" s="18">
        <v>76650</v>
      </c>
      <c r="J14" s="18">
        <v>73917</v>
      </c>
      <c r="K14" s="19">
        <v>85101</v>
      </c>
    </row>
    <row r="15" spans="1:22" ht="9.75" customHeight="1" x14ac:dyDescent="0.15">
      <c r="A15" s="27"/>
      <c r="B15" s="28" t="s">
        <v>18</v>
      </c>
      <c r="C15" s="5"/>
      <c r="D15" s="18">
        <v>197745</v>
      </c>
      <c r="E15" s="18">
        <v>98674</v>
      </c>
      <c r="F15" s="18">
        <v>99071</v>
      </c>
      <c r="G15" s="18">
        <v>104616</v>
      </c>
      <c r="H15" s="18">
        <v>197596</v>
      </c>
      <c r="I15" s="18">
        <v>98622</v>
      </c>
      <c r="J15" s="18">
        <v>98974</v>
      </c>
      <c r="K15" s="19">
        <v>104535</v>
      </c>
    </row>
    <row r="16" spans="1:22" ht="9.75" customHeight="1" x14ac:dyDescent="0.15">
      <c r="A16" s="27"/>
      <c r="B16" s="28" t="s">
        <v>19</v>
      </c>
      <c r="C16" s="5"/>
      <c r="D16" s="18">
        <v>215359</v>
      </c>
      <c r="E16" s="18">
        <v>104988</v>
      </c>
      <c r="F16" s="18">
        <v>110371</v>
      </c>
      <c r="G16" s="18">
        <v>96569</v>
      </c>
      <c r="H16" s="18">
        <v>215244</v>
      </c>
      <c r="I16" s="18">
        <v>104920</v>
      </c>
      <c r="J16" s="18">
        <v>110324</v>
      </c>
      <c r="K16" s="19">
        <v>96569</v>
      </c>
    </row>
    <row r="17" spans="1:11" ht="9.75" customHeight="1" x14ac:dyDescent="0.15">
      <c r="A17" s="27"/>
      <c r="B17" s="28" t="s">
        <v>20</v>
      </c>
      <c r="C17" s="5"/>
      <c r="D17" s="18">
        <v>207107</v>
      </c>
      <c r="E17" s="18">
        <v>101476</v>
      </c>
      <c r="F17" s="18">
        <v>105631</v>
      </c>
      <c r="G17" s="18">
        <v>99779</v>
      </c>
      <c r="H17" s="18">
        <v>206963</v>
      </c>
      <c r="I17" s="18">
        <v>101391</v>
      </c>
      <c r="J17" s="18">
        <v>105572</v>
      </c>
      <c r="K17" s="19">
        <v>99744</v>
      </c>
    </row>
    <row r="18" spans="1:11" ht="9.75" customHeight="1" x14ac:dyDescent="0.15">
      <c r="A18" s="27"/>
      <c r="B18" s="28" t="s">
        <v>21</v>
      </c>
      <c r="C18" s="5"/>
      <c r="D18" s="18">
        <v>243438</v>
      </c>
      <c r="E18" s="18">
        <v>117430</v>
      </c>
      <c r="F18" s="18">
        <v>126008</v>
      </c>
      <c r="G18" s="18">
        <v>107231</v>
      </c>
      <c r="H18" s="18">
        <v>243403</v>
      </c>
      <c r="I18" s="18">
        <v>117418</v>
      </c>
      <c r="J18" s="18">
        <v>125985</v>
      </c>
      <c r="K18" s="19">
        <v>107257</v>
      </c>
    </row>
    <row r="19" spans="1:11" ht="9.75" customHeight="1" x14ac:dyDescent="0.15">
      <c r="A19" s="27"/>
      <c r="B19" s="28" t="s">
        <v>22</v>
      </c>
      <c r="C19" s="5"/>
      <c r="D19" s="18">
        <v>166415</v>
      </c>
      <c r="E19" s="18">
        <v>81819</v>
      </c>
      <c r="F19" s="18">
        <v>84596</v>
      </c>
      <c r="G19" s="18">
        <v>79216</v>
      </c>
      <c r="H19" s="18">
        <v>166373</v>
      </c>
      <c r="I19" s="18">
        <v>81801</v>
      </c>
      <c r="J19" s="18">
        <v>84572</v>
      </c>
      <c r="K19" s="19">
        <v>79178</v>
      </c>
    </row>
    <row r="20" spans="1:11" ht="9.75" customHeight="1" x14ac:dyDescent="0.15">
      <c r="A20" s="27"/>
      <c r="B20" s="28" t="s">
        <v>23</v>
      </c>
      <c r="C20" s="5"/>
      <c r="D20" s="18">
        <v>197762</v>
      </c>
      <c r="E20" s="18">
        <v>96178</v>
      </c>
      <c r="F20" s="18">
        <v>101584</v>
      </c>
      <c r="G20" s="18">
        <v>90368</v>
      </c>
      <c r="H20" s="18">
        <v>197796</v>
      </c>
      <c r="I20" s="18">
        <v>96181</v>
      </c>
      <c r="J20" s="18">
        <v>101615</v>
      </c>
      <c r="K20" s="19">
        <v>90459</v>
      </c>
    </row>
    <row r="21" spans="1:11" ht="9.75" customHeight="1" x14ac:dyDescent="0.15">
      <c r="A21" s="27"/>
      <c r="B21" s="28" t="s">
        <v>24</v>
      </c>
      <c r="C21" s="5"/>
      <c r="D21" s="18">
        <v>359745</v>
      </c>
      <c r="E21" s="18">
        <v>179459</v>
      </c>
      <c r="F21" s="18">
        <v>180286</v>
      </c>
      <c r="G21" s="18">
        <v>177102</v>
      </c>
      <c r="H21" s="18">
        <v>359753</v>
      </c>
      <c r="I21" s="18">
        <v>179483</v>
      </c>
      <c r="J21" s="18">
        <v>180270</v>
      </c>
      <c r="K21" s="19">
        <v>177090</v>
      </c>
    </row>
    <row r="22" spans="1:11" ht="9.75" customHeight="1" x14ac:dyDescent="0.15">
      <c r="A22" s="27"/>
      <c r="B22" s="28" t="s">
        <v>25</v>
      </c>
      <c r="C22" s="5"/>
      <c r="D22" s="18">
        <v>183255</v>
      </c>
      <c r="E22" s="18">
        <v>90100</v>
      </c>
      <c r="F22" s="18">
        <v>93155</v>
      </c>
      <c r="G22" s="18">
        <v>80288</v>
      </c>
      <c r="H22" s="18">
        <v>183249</v>
      </c>
      <c r="I22" s="18">
        <v>90071</v>
      </c>
      <c r="J22" s="18">
        <v>93178</v>
      </c>
      <c r="K22" s="19">
        <v>80277</v>
      </c>
    </row>
    <row r="23" spans="1:11" ht="9.75" customHeight="1" x14ac:dyDescent="0.15">
      <c r="A23" s="27"/>
      <c r="B23" s="28" t="s">
        <v>26</v>
      </c>
      <c r="C23" s="5"/>
      <c r="D23" s="18">
        <v>311130</v>
      </c>
      <c r="E23" s="18">
        <v>150178</v>
      </c>
      <c r="F23" s="18">
        <v>160952</v>
      </c>
      <c r="G23" s="18">
        <v>134192</v>
      </c>
      <c r="H23" s="18">
        <v>311146</v>
      </c>
      <c r="I23" s="18">
        <v>150118</v>
      </c>
      <c r="J23" s="18">
        <v>161028</v>
      </c>
      <c r="K23" s="19">
        <v>134217</v>
      </c>
    </row>
    <row r="24" spans="1:11" ht="9.75" customHeight="1" x14ac:dyDescent="0.15">
      <c r="A24" s="27"/>
      <c r="B24" s="28" t="s">
        <v>27</v>
      </c>
      <c r="C24" s="5"/>
      <c r="D24" s="18">
        <v>214899</v>
      </c>
      <c r="E24" s="18">
        <v>105284</v>
      </c>
      <c r="F24" s="18">
        <v>109615</v>
      </c>
      <c r="G24" s="18">
        <v>86256</v>
      </c>
      <c r="H24" s="18">
        <v>214880</v>
      </c>
      <c r="I24" s="18">
        <v>105282</v>
      </c>
      <c r="J24" s="18">
        <v>109598</v>
      </c>
      <c r="K24" s="19">
        <v>86286</v>
      </c>
    </row>
    <row r="25" spans="1:11" ht="9.75" customHeight="1" x14ac:dyDescent="0.15">
      <c r="A25" s="27"/>
      <c r="B25" s="28" t="s">
        <v>28</v>
      </c>
      <c r="C25" s="5"/>
      <c r="D25" s="18">
        <v>284207</v>
      </c>
      <c r="E25" s="18">
        <v>138551</v>
      </c>
      <c r="F25" s="18">
        <v>145656</v>
      </c>
      <c r="G25" s="18">
        <v>123413</v>
      </c>
      <c r="H25" s="18">
        <v>284210</v>
      </c>
      <c r="I25" s="18">
        <v>138501</v>
      </c>
      <c r="J25" s="18">
        <v>145709</v>
      </c>
      <c r="K25" s="19">
        <v>123411</v>
      </c>
    </row>
    <row r="26" spans="1:11" ht="9.75" customHeight="1" x14ac:dyDescent="0.15">
      <c r="A26" s="27"/>
      <c r="B26" s="28" t="s">
        <v>29</v>
      </c>
      <c r="C26" s="5"/>
      <c r="D26" s="18">
        <v>120571</v>
      </c>
      <c r="E26" s="18">
        <v>58784</v>
      </c>
      <c r="F26" s="18">
        <v>61787</v>
      </c>
      <c r="G26" s="18">
        <v>53354</v>
      </c>
      <c r="H26" s="18">
        <v>120523</v>
      </c>
      <c r="I26" s="18">
        <v>58743</v>
      </c>
      <c r="J26" s="18">
        <v>61780</v>
      </c>
      <c r="K26" s="19">
        <v>53331</v>
      </c>
    </row>
    <row r="27" spans="1:11" ht="9.75" customHeight="1" x14ac:dyDescent="0.15">
      <c r="A27" s="27"/>
      <c r="B27" s="28" t="s">
        <v>30</v>
      </c>
      <c r="C27" s="5"/>
      <c r="D27" s="18">
        <v>152145</v>
      </c>
      <c r="E27" s="18">
        <v>73769</v>
      </c>
      <c r="F27" s="18">
        <v>78376</v>
      </c>
      <c r="G27" s="18">
        <v>63423</v>
      </c>
      <c r="H27" s="18">
        <v>152107</v>
      </c>
      <c r="I27" s="18">
        <v>73731</v>
      </c>
      <c r="J27" s="18">
        <v>78376</v>
      </c>
      <c r="K27" s="19">
        <v>63477</v>
      </c>
    </row>
    <row r="28" spans="1:11" ht="9.75" customHeight="1" x14ac:dyDescent="0.15">
      <c r="A28" s="27"/>
      <c r="B28" s="28" t="s">
        <v>31</v>
      </c>
      <c r="C28" s="5"/>
      <c r="D28" s="18">
        <v>122133</v>
      </c>
      <c r="E28" s="18">
        <v>59046</v>
      </c>
      <c r="F28" s="18">
        <v>63087</v>
      </c>
      <c r="G28" s="18">
        <v>52955</v>
      </c>
      <c r="H28" s="18">
        <v>122056</v>
      </c>
      <c r="I28" s="18">
        <v>59020</v>
      </c>
      <c r="J28" s="18">
        <v>63036</v>
      </c>
      <c r="K28" s="19">
        <v>52953</v>
      </c>
    </row>
    <row r="29" spans="1:11" ht="3.75" customHeight="1" x14ac:dyDescent="0.15">
      <c r="A29" s="27"/>
      <c r="B29" s="28"/>
      <c r="C29" s="5"/>
      <c r="D29" s="18"/>
      <c r="E29" s="18"/>
      <c r="F29" s="18"/>
      <c r="G29" s="18"/>
      <c r="H29" s="18"/>
      <c r="I29" s="18"/>
      <c r="J29" s="18"/>
      <c r="K29" s="19"/>
    </row>
    <row r="30" spans="1:11" ht="9.75" customHeight="1" x14ac:dyDescent="0.15">
      <c r="A30" s="32" t="s">
        <v>32</v>
      </c>
      <c r="B30" s="33"/>
      <c r="C30" s="20"/>
      <c r="D30" s="21">
        <v>1539745</v>
      </c>
      <c r="E30" s="21">
        <v>775632</v>
      </c>
      <c r="F30" s="21">
        <v>764113</v>
      </c>
      <c r="G30" s="21">
        <v>755118</v>
      </c>
      <c r="H30" s="21">
        <v>1539352</v>
      </c>
      <c r="I30" s="21">
        <v>775377</v>
      </c>
      <c r="J30" s="21">
        <v>763975</v>
      </c>
      <c r="K30" s="22">
        <v>754943</v>
      </c>
    </row>
    <row r="31" spans="1:11" ht="9.75" customHeight="1" x14ac:dyDescent="0.15">
      <c r="A31" s="27"/>
      <c r="B31" s="28" t="s">
        <v>33</v>
      </c>
      <c r="C31" s="5"/>
      <c r="D31" s="18">
        <v>231085</v>
      </c>
      <c r="E31" s="18">
        <v>124119</v>
      </c>
      <c r="F31" s="18">
        <v>106966</v>
      </c>
      <c r="G31" s="18">
        <v>123576</v>
      </c>
      <c r="H31" s="18">
        <v>230901</v>
      </c>
      <c r="I31" s="18">
        <v>124020</v>
      </c>
      <c r="J31" s="18">
        <v>106881</v>
      </c>
      <c r="K31" s="19">
        <v>123467</v>
      </c>
    </row>
    <row r="32" spans="1:11" ht="9.75" customHeight="1" x14ac:dyDescent="0.15">
      <c r="A32" s="27"/>
      <c r="B32" s="28" t="s">
        <v>34</v>
      </c>
      <c r="C32" s="5"/>
      <c r="D32" s="18">
        <v>170651</v>
      </c>
      <c r="E32" s="18">
        <v>86294</v>
      </c>
      <c r="F32" s="18">
        <v>84357</v>
      </c>
      <c r="G32" s="18">
        <v>80322</v>
      </c>
      <c r="H32" s="18">
        <v>170706</v>
      </c>
      <c r="I32" s="18">
        <v>86288</v>
      </c>
      <c r="J32" s="18">
        <v>84418</v>
      </c>
      <c r="K32" s="19">
        <v>80329</v>
      </c>
    </row>
    <row r="33" spans="1:11" ht="9.75" customHeight="1" x14ac:dyDescent="0.15">
      <c r="A33" s="27"/>
      <c r="B33" s="28" t="s">
        <v>35</v>
      </c>
      <c r="C33" s="5"/>
      <c r="D33" s="18">
        <v>264506</v>
      </c>
      <c r="E33" s="18">
        <v>133987</v>
      </c>
      <c r="F33" s="18">
        <v>130519</v>
      </c>
      <c r="G33" s="18">
        <v>136243</v>
      </c>
      <c r="H33" s="18">
        <v>264410</v>
      </c>
      <c r="I33" s="18">
        <v>133934</v>
      </c>
      <c r="J33" s="18">
        <v>130476</v>
      </c>
      <c r="K33" s="19">
        <v>136113</v>
      </c>
    </row>
    <row r="34" spans="1:11" ht="9.75" customHeight="1" x14ac:dyDescent="0.15">
      <c r="A34" s="27"/>
      <c r="B34" s="28" t="s">
        <v>36</v>
      </c>
      <c r="C34" s="5"/>
      <c r="D34" s="18">
        <v>234720</v>
      </c>
      <c r="E34" s="18">
        <v>116453</v>
      </c>
      <c r="F34" s="18">
        <v>118267</v>
      </c>
      <c r="G34" s="18">
        <v>115008</v>
      </c>
      <c r="H34" s="18">
        <v>234667</v>
      </c>
      <c r="I34" s="18">
        <v>116405</v>
      </c>
      <c r="J34" s="18">
        <v>118262</v>
      </c>
      <c r="K34" s="19">
        <v>115031</v>
      </c>
    </row>
    <row r="35" spans="1:11" ht="9.75" customHeight="1" x14ac:dyDescent="0.15">
      <c r="A35" s="27"/>
      <c r="B35" s="28" t="s">
        <v>37</v>
      </c>
      <c r="C35" s="5"/>
      <c r="D35" s="18">
        <v>234446</v>
      </c>
      <c r="E35" s="18">
        <v>113665</v>
      </c>
      <c r="F35" s="18">
        <v>120781</v>
      </c>
      <c r="G35" s="18">
        <v>103710</v>
      </c>
      <c r="H35" s="18">
        <v>234465</v>
      </c>
      <c r="I35" s="18">
        <v>113678</v>
      </c>
      <c r="J35" s="18">
        <v>120787</v>
      </c>
      <c r="K35" s="19">
        <v>103751</v>
      </c>
    </row>
    <row r="36" spans="1:11" ht="9.75" customHeight="1" x14ac:dyDescent="0.15">
      <c r="A36" s="27"/>
      <c r="B36" s="28" t="s">
        <v>38</v>
      </c>
      <c r="C36" s="5"/>
      <c r="D36" s="18">
        <v>223409</v>
      </c>
      <c r="E36" s="18">
        <v>113789</v>
      </c>
      <c r="F36" s="18">
        <v>109620</v>
      </c>
      <c r="G36" s="18">
        <v>115929</v>
      </c>
      <c r="H36" s="18">
        <v>223372</v>
      </c>
      <c r="I36" s="18">
        <v>113755</v>
      </c>
      <c r="J36" s="18">
        <v>109617</v>
      </c>
      <c r="K36" s="19">
        <v>115928</v>
      </c>
    </row>
    <row r="37" spans="1:11" ht="9.75" customHeight="1" x14ac:dyDescent="0.15">
      <c r="A37" s="27"/>
      <c r="B37" s="28" t="s">
        <v>39</v>
      </c>
      <c r="C37" s="5"/>
      <c r="D37" s="18">
        <v>180928</v>
      </c>
      <c r="E37" s="18">
        <v>87325</v>
      </c>
      <c r="F37" s="18">
        <v>93603</v>
      </c>
      <c r="G37" s="18">
        <v>80330</v>
      </c>
      <c r="H37" s="18">
        <v>180831</v>
      </c>
      <c r="I37" s="18">
        <v>87297</v>
      </c>
      <c r="J37" s="18">
        <v>93534</v>
      </c>
      <c r="K37" s="19">
        <v>80324</v>
      </c>
    </row>
    <row r="38" spans="1:11" ht="3.75" customHeight="1" x14ac:dyDescent="0.15">
      <c r="A38" s="27"/>
      <c r="B38" s="28"/>
      <c r="C38" s="5"/>
      <c r="D38" s="18"/>
      <c r="E38" s="18"/>
      <c r="F38" s="18"/>
      <c r="G38" s="18"/>
      <c r="H38" s="18"/>
      <c r="I38" s="18"/>
      <c r="J38" s="18"/>
      <c r="K38" s="19"/>
    </row>
    <row r="39" spans="1:11" ht="9.75" customHeight="1" x14ac:dyDescent="0.15">
      <c r="A39" s="32" t="s">
        <v>40</v>
      </c>
      <c r="B39" s="33"/>
      <c r="C39" s="20"/>
      <c r="D39" s="21">
        <v>725930</v>
      </c>
      <c r="E39" s="21">
        <v>361906</v>
      </c>
      <c r="F39" s="21">
        <v>364024</v>
      </c>
      <c r="G39" s="21">
        <v>337342</v>
      </c>
      <c r="H39" s="21">
        <v>725854</v>
      </c>
      <c r="I39" s="21">
        <v>361829</v>
      </c>
      <c r="J39" s="21">
        <v>364025</v>
      </c>
      <c r="K39" s="22">
        <v>337487</v>
      </c>
    </row>
    <row r="40" spans="1:11" ht="9.75" customHeight="1" x14ac:dyDescent="0.15">
      <c r="A40" s="27"/>
      <c r="B40" s="28" t="s">
        <v>25</v>
      </c>
      <c r="C40" s="5"/>
      <c r="D40" s="18">
        <v>169645</v>
      </c>
      <c r="E40" s="18">
        <v>85200</v>
      </c>
      <c r="F40" s="18">
        <v>84445</v>
      </c>
      <c r="G40" s="18">
        <v>75805</v>
      </c>
      <c r="H40" s="18">
        <v>169549</v>
      </c>
      <c r="I40" s="18">
        <v>85155</v>
      </c>
      <c r="J40" s="18">
        <v>84394</v>
      </c>
      <c r="K40" s="19">
        <v>75837</v>
      </c>
    </row>
    <row r="41" spans="1:11" ht="9.75" customHeight="1" x14ac:dyDescent="0.15">
      <c r="A41" s="27"/>
      <c r="B41" s="28" t="s">
        <v>41</v>
      </c>
      <c r="C41" s="5"/>
      <c r="D41" s="18">
        <v>273959</v>
      </c>
      <c r="E41" s="18">
        <v>136981</v>
      </c>
      <c r="F41" s="18">
        <v>136978</v>
      </c>
      <c r="G41" s="18">
        <v>126581</v>
      </c>
      <c r="H41" s="18">
        <v>273937</v>
      </c>
      <c r="I41" s="18">
        <v>136930</v>
      </c>
      <c r="J41" s="18">
        <v>137007</v>
      </c>
      <c r="K41" s="19">
        <v>126625</v>
      </c>
    </row>
    <row r="42" spans="1:11" ht="9.75" customHeight="1" x14ac:dyDescent="0.15">
      <c r="A42" s="27"/>
      <c r="B42" s="28" t="s">
        <v>18</v>
      </c>
      <c r="C42" s="5"/>
      <c r="D42" s="18">
        <v>282326</v>
      </c>
      <c r="E42" s="18">
        <v>139725</v>
      </c>
      <c r="F42" s="18">
        <v>142601</v>
      </c>
      <c r="G42" s="18">
        <v>134956</v>
      </c>
      <c r="H42" s="18">
        <v>282368</v>
      </c>
      <c r="I42" s="18">
        <v>139744</v>
      </c>
      <c r="J42" s="18">
        <v>142624</v>
      </c>
      <c r="K42" s="19">
        <v>135025</v>
      </c>
    </row>
    <row r="43" spans="1:11" ht="3.75" customHeight="1" x14ac:dyDescent="0.15">
      <c r="A43" s="27"/>
      <c r="B43" s="28"/>
      <c r="C43" s="5"/>
      <c r="D43" s="18"/>
      <c r="E43" s="18"/>
      <c r="F43" s="18"/>
      <c r="G43" s="18"/>
      <c r="H43" s="18"/>
      <c r="I43" s="18"/>
      <c r="J43" s="18"/>
      <c r="K43" s="19"/>
    </row>
    <row r="44" spans="1:11" ht="9.75" customHeight="1" x14ac:dyDescent="0.15">
      <c r="A44" s="34" t="s">
        <v>42</v>
      </c>
      <c r="B44" s="35"/>
      <c r="C44" s="5"/>
      <c r="D44" s="18">
        <v>384189</v>
      </c>
      <c r="E44" s="18">
        <v>191532</v>
      </c>
      <c r="F44" s="18">
        <v>192657</v>
      </c>
      <c r="G44" s="18">
        <v>165899</v>
      </c>
      <c r="H44" s="18">
        <v>383702</v>
      </c>
      <c r="I44" s="18">
        <v>191266</v>
      </c>
      <c r="J44" s="18">
        <v>192436</v>
      </c>
      <c r="K44" s="19">
        <v>165799</v>
      </c>
    </row>
    <row r="45" spans="1:11" ht="9.75" customHeight="1" x14ac:dyDescent="0.15">
      <c r="A45" s="34" t="s">
        <v>43</v>
      </c>
      <c r="B45" s="35"/>
      <c r="C45" s="5"/>
      <c r="D45" s="18">
        <v>257775</v>
      </c>
      <c r="E45" s="18">
        <v>128677</v>
      </c>
      <c r="F45" s="18">
        <v>129098</v>
      </c>
      <c r="G45" s="18">
        <v>113393</v>
      </c>
      <c r="H45" s="18">
        <v>257689</v>
      </c>
      <c r="I45" s="18">
        <v>128621</v>
      </c>
      <c r="J45" s="18">
        <v>129068</v>
      </c>
      <c r="K45" s="19">
        <v>113412</v>
      </c>
    </row>
    <row r="46" spans="1:11" ht="9.75" customHeight="1" x14ac:dyDescent="0.15">
      <c r="A46" s="34" t="s">
        <v>44</v>
      </c>
      <c r="B46" s="35"/>
      <c r="C46" s="5"/>
      <c r="D46" s="18">
        <v>172666</v>
      </c>
      <c r="E46" s="18">
        <v>81056</v>
      </c>
      <c r="F46" s="18">
        <v>91610</v>
      </c>
      <c r="G46" s="18">
        <v>76402</v>
      </c>
      <c r="H46" s="18">
        <v>172683</v>
      </c>
      <c r="I46" s="18">
        <v>81070</v>
      </c>
      <c r="J46" s="18">
        <v>91613</v>
      </c>
      <c r="K46" s="19">
        <v>76423</v>
      </c>
    </row>
    <row r="47" spans="1:11" ht="9.75" customHeight="1" x14ac:dyDescent="0.15">
      <c r="A47" s="34" t="s">
        <v>45</v>
      </c>
      <c r="B47" s="35"/>
      <c r="C47" s="5"/>
      <c r="D47" s="18">
        <v>440801</v>
      </c>
      <c r="E47" s="18">
        <v>217621</v>
      </c>
      <c r="F47" s="18">
        <v>223180</v>
      </c>
      <c r="G47" s="18">
        <v>197208</v>
      </c>
      <c r="H47" s="18">
        <v>441423</v>
      </c>
      <c r="I47" s="18">
        <v>217960</v>
      </c>
      <c r="J47" s="18">
        <v>223463</v>
      </c>
      <c r="K47" s="19">
        <v>197617</v>
      </c>
    </row>
    <row r="48" spans="1:11" ht="9.75" customHeight="1" x14ac:dyDescent="0.15">
      <c r="A48" s="34" t="s">
        <v>46</v>
      </c>
      <c r="B48" s="35"/>
      <c r="C48" s="5"/>
      <c r="D48" s="18">
        <v>188209</v>
      </c>
      <c r="E48" s="18">
        <v>90896</v>
      </c>
      <c r="F48" s="18">
        <v>97313</v>
      </c>
      <c r="G48" s="18">
        <v>82927</v>
      </c>
      <c r="H48" s="18">
        <v>188074</v>
      </c>
      <c r="I48" s="18">
        <v>90840</v>
      </c>
      <c r="J48" s="18">
        <v>97234</v>
      </c>
      <c r="K48" s="19">
        <v>82928</v>
      </c>
    </row>
    <row r="49" spans="1:11" ht="9.75" customHeight="1" x14ac:dyDescent="0.15">
      <c r="A49" s="34" t="s">
        <v>47</v>
      </c>
      <c r="B49" s="35"/>
      <c r="C49" s="5"/>
      <c r="D49" s="18">
        <v>243567</v>
      </c>
      <c r="E49" s="18">
        <v>118043</v>
      </c>
      <c r="F49" s="18">
        <v>125524</v>
      </c>
      <c r="G49" s="18">
        <v>104285</v>
      </c>
      <c r="H49" s="18">
        <v>243685</v>
      </c>
      <c r="I49" s="18">
        <v>118081</v>
      </c>
      <c r="J49" s="18">
        <v>125604</v>
      </c>
      <c r="K49" s="19">
        <v>104424</v>
      </c>
    </row>
    <row r="50" spans="1:11" ht="9.75" customHeight="1" x14ac:dyDescent="0.15">
      <c r="A50" s="34" t="s">
        <v>48</v>
      </c>
      <c r="B50" s="35"/>
      <c r="C50" s="5"/>
      <c r="D50" s="18">
        <v>56965</v>
      </c>
      <c r="E50" s="18">
        <v>26702</v>
      </c>
      <c r="F50" s="18">
        <v>30263</v>
      </c>
      <c r="G50" s="18">
        <v>25118</v>
      </c>
      <c r="H50" s="18">
        <v>56909</v>
      </c>
      <c r="I50" s="18">
        <v>26665</v>
      </c>
      <c r="J50" s="18">
        <v>30244</v>
      </c>
      <c r="K50" s="19">
        <v>25107</v>
      </c>
    </row>
    <row r="51" spans="1:11" ht="9.75" customHeight="1" x14ac:dyDescent="0.15">
      <c r="A51" s="34" t="s">
        <v>49</v>
      </c>
      <c r="B51" s="35"/>
      <c r="C51" s="5"/>
      <c r="D51" s="18">
        <v>41414</v>
      </c>
      <c r="E51" s="18">
        <v>19809</v>
      </c>
      <c r="F51" s="18">
        <v>21605</v>
      </c>
      <c r="G51" s="18">
        <v>17163</v>
      </c>
      <c r="H51" s="18">
        <v>41402</v>
      </c>
      <c r="I51" s="18">
        <v>19824</v>
      </c>
      <c r="J51" s="18">
        <v>21578</v>
      </c>
      <c r="K51" s="19">
        <v>17172</v>
      </c>
    </row>
    <row r="52" spans="1:11" ht="9.75" customHeight="1" x14ac:dyDescent="0.15">
      <c r="A52" s="34" t="s">
        <v>50</v>
      </c>
      <c r="B52" s="35"/>
      <c r="C52" s="5"/>
      <c r="D52" s="18">
        <v>161975</v>
      </c>
      <c r="E52" s="18">
        <v>81859</v>
      </c>
      <c r="F52" s="18">
        <v>80116</v>
      </c>
      <c r="G52" s="18">
        <v>71071</v>
      </c>
      <c r="H52" s="18">
        <v>161954</v>
      </c>
      <c r="I52" s="18">
        <v>81840</v>
      </c>
      <c r="J52" s="18">
        <v>80114</v>
      </c>
      <c r="K52" s="19">
        <v>71118</v>
      </c>
    </row>
    <row r="53" spans="1:11" ht="9.75" customHeight="1" x14ac:dyDescent="0.15">
      <c r="A53" s="34" t="s">
        <v>51</v>
      </c>
      <c r="B53" s="35"/>
      <c r="C53" s="5"/>
      <c r="D53" s="18">
        <v>223811</v>
      </c>
      <c r="E53" s="18">
        <v>115342</v>
      </c>
      <c r="F53" s="18">
        <v>108469</v>
      </c>
      <c r="G53" s="18">
        <v>101823</v>
      </c>
      <c r="H53" s="18">
        <v>223724</v>
      </c>
      <c r="I53" s="18">
        <v>115278</v>
      </c>
      <c r="J53" s="18">
        <v>108446</v>
      </c>
      <c r="K53" s="19">
        <v>101811</v>
      </c>
    </row>
    <row r="54" spans="1:11" ht="9.75" customHeight="1" x14ac:dyDescent="0.15">
      <c r="A54" s="34" t="s">
        <v>52</v>
      </c>
      <c r="B54" s="35"/>
      <c r="C54" s="5"/>
      <c r="D54" s="18">
        <v>241323</v>
      </c>
      <c r="E54" s="18">
        <v>120331</v>
      </c>
      <c r="F54" s="18">
        <v>120992</v>
      </c>
      <c r="G54" s="18">
        <v>112727</v>
      </c>
      <c r="H54" s="18">
        <v>241400</v>
      </c>
      <c r="I54" s="18">
        <v>120320</v>
      </c>
      <c r="J54" s="18">
        <v>121080</v>
      </c>
      <c r="K54" s="19">
        <v>112771</v>
      </c>
    </row>
    <row r="55" spans="1:11" ht="9.75" customHeight="1" x14ac:dyDescent="0.15">
      <c r="A55" s="34" t="s">
        <v>53</v>
      </c>
      <c r="B55" s="35"/>
      <c r="C55" s="5"/>
      <c r="D55" s="18">
        <v>101275</v>
      </c>
      <c r="E55" s="18">
        <v>51220</v>
      </c>
      <c r="F55" s="18">
        <v>50055</v>
      </c>
      <c r="G55" s="18">
        <v>45648</v>
      </c>
      <c r="H55" s="18">
        <v>101199</v>
      </c>
      <c r="I55" s="18">
        <v>51172</v>
      </c>
      <c r="J55" s="18">
        <v>50027</v>
      </c>
      <c r="K55" s="19">
        <v>45605</v>
      </c>
    </row>
    <row r="56" spans="1:11" ht="9.75" customHeight="1" x14ac:dyDescent="0.15">
      <c r="A56" s="34" t="s">
        <v>54</v>
      </c>
      <c r="B56" s="35"/>
      <c r="C56" s="5"/>
      <c r="D56" s="18">
        <v>137309</v>
      </c>
      <c r="E56" s="18">
        <v>69018</v>
      </c>
      <c r="F56" s="18">
        <v>68291</v>
      </c>
      <c r="G56" s="18">
        <v>59352</v>
      </c>
      <c r="H56" s="18">
        <v>137443</v>
      </c>
      <c r="I56" s="18">
        <v>69070</v>
      </c>
      <c r="J56" s="18">
        <v>68373</v>
      </c>
      <c r="K56" s="19">
        <v>59440</v>
      </c>
    </row>
    <row r="57" spans="1:11" ht="9.75" customHeight="1" x14ac:dyDescent="0.15">
      <c r="A57" s="34" t="s">
        <v>55</v>
      </c>
      <c r="B57" s="35"/>
      <c r="C57" s="5"/>
      <c r="D57" s="18">
        <v>132251</v>
      </c>
      <c r="E57" s="18">
        <v>65807</v>
      </c>
      <c r="F57" s="18">
        <v>66444</v>
      </c>
      <c r="G57" s="18">
        <v>60730</v>
      </c>
      <c r="H57" s="18">
        <v>132202</v>
      </c>
      <c r="I57" s="18">
        <v>65799</v>
      </c>
      <c r="J57" s="18">
        <v>66403</v>
      </c>
      <c r="K57" s="19">
        <v>60720</v>
      </c>
    </row>
    <row r="58" spans="1:11" ht="9.75" customHeight="1" x14ac:dyDescent="0.15">
      <c r="A58" s="34" t="s">
        <v>56</v>
      </c>
      <c r="B58" s="35"/>
      <c r="C58" s="5"/>
      <c r="D58" s="18">
        <v>40364</v>
      </c>
      <c r="E58" s="18">
        <v>19754</v>
      </c>
      <c r="F58" s="18">
        <v>20610</v>
      </c>
      <c r="G58" s="18">
        <v>16338</v>
      </c>
      <c r="H58" s="18">
        <v>40369</v>
      </c>
      <c r="I58" s="18">
        <v>19757</v>
      </c>
      <c r="J58" s="18">
        <v>20612</v>
      </c>
      <c r="K58" s="19">
        <v>16347</v>
      </c>
    </row>
    <row r="59" spans="1:11" ht="9.75" customHeight="1" x14ac:dyDescent="0.15">
      <c r="A59" s="34" t="s">
        <v>57</v>
      </c>
      <c r="B59" s="35"/>
      <c r="C59" s="5"/>
      <c r="D59" s="18">
        <v>83289</v>
      </c>
      <c r="E59" s="18">
        <v>42191</v>
      </c>
      <c r="F59" s="18">
        <v>41098</v>
      </c>
      <c r="G59" s="18">
        <v>34931</v>
      </c>
      <c r="H59" s="18">
        <v>83319</v>
      </c>
      <c r="I59" s="18">
        <v>42197</v>
      </c>
      <c r="J59" s="18">
        <v>41122</v>
      </c>
      <c r="K59" s="19">
        <v>34967</v>
      </c>
    </row>
    <row r="60" spans="1:11" ht="3.75" customHeight="1" x14ac:dyDescent="0.15">
      <c r="A60" s="27"/>
      <c r="B60" s="28"/>
      <c r="C60" s="5"/>
      <c r="D60" s="18"/>
      <c r="E60" s="18"/>
      <c r="F60" s="18"/>
      <c r="G60" s="18"/>
      <c r="H60" s="18"/>
      <c r="I60" s="18"/>
      <c r="J60" s="18"/>
      <c r="K60" s="19"/>
    </row>
    <row r="61" spans="1:11" ht="9.75" customHeight="1" x14ac:dyDescent="0.15">
      <c r="A61" s="34" t="s">
        <v>58</v>
      </c>
      <c r="B61" s="35"/>
      <c r="C61" s="5"/>
      <c r="D61" s="18">
        <v>31652</v>
      </c>
      <c r="E61" s="18">
        <v>14877</v>
      </c>
      <c r="F61" s="18">
        <v>16775</v>
      </c>
      <c r="G61" s="18">
        <v>13099</v>
      </c>
      <c r="H61" s="18">
        <v>31656</v>
      </c>
      <c r="I61" s="18">
        <v>14880</v>
      </c>
      <c r="J61" s="18">
        <v>16776</v>
      </c>
      <c r="K61" s="19">
        <v>13102</v>
      </c>
    </row>
    <row r="62" spans="1:11" ht="3.75" customHeight="1" x14ac:dyDescent="0.15">
      <c r="A62" s="27"/>
      <c r="B62" s="28"/>
      <c r="C62" s="5"/>
      <c r="D62" s="18"/>
      <c r="E62" s="18"/>
      <c r="F62" s="18"/>
      <c r="G62" s="18"/>
      <c r="H62" s="18"/>
      <c r="I62" s="18"/>
      <c r="J62" s="18"/>
      <c r="K62" s="19"/>
    </row>
    <row r="63" spans="1:11" ht="9.75" customHeight="1" x14ac:dyDescent="0.15">
      <c r="A63" s="34" t="s">
        <v>59</v>
      </c>
      <c r="B63" s="35"/>
      <c r="C63" s="5"/>
      <c r="D63" s="18">
        <v>48550</v>
      </c>
      <c r="E63" s="18">
        <v>24582</v>
      </c>
      <c r="F63" s="18">
        <v>23968</v>
      </c>
      <c r="G63" s="18">
        <v>20189</v>
      </c>
      <c r="H63" s="18">
        <v>48550</v>
      </c>
      <c r="I63" s="18">
        <v>24594</v>
      </c>
      <c r="J63" s="18">
        <v>23956</v>
      </c>
      <c r="K63" s="19">
        <v>20192</v>
      </c>
    </row>
    <row r="64" spans="1:11" ht="3.75" customHeight="1" x14ac:dyDescent="0.15">
      <c r="A64" s="27"/>
      <c r="B64" s="28"/>
      <c r="C64" s="5"/>
      <c r="D64" s="18"/>
      <c r="E64" s="18"/>
      <c r="F64" s="18"/>
      <c r="G64" s="18"/>
      <c r="H64" s="18"/>
      <c r="I64" s="18"/>
      <c r="J64" s="18"/>
      <c r="K64" s="19"/>
    </row>
    <row r="65" spans="1:11" ht="9.75" customHeight="1" x14ac:dyDescent="0.15">
      <c r="A65" s="32" t="s">
        <v>60</v>
      </c>
      <c r="B65" s="33"/>
      <c r="C65" s="20"/>
      <c r="D65" s="21">
        <v>58836</v>
      </c>
      <c r="E65" s="21">
        <v>28485</v>
      </c>
      <c r="F65" s="21">
        <v>30351</v>
      </c>
      <c r="G65" s="21">
        <v>24379</v>
      </c>
      <c r="H65" s="21">
        <v>58798</v>
      </c>
      <c r="I65" s="21">
        <v>28470</v>
      </c>
      <c r="J65" s="21">
        <v>30328</v>
      </c>
      <c r="K65" s="22">
        <v>24382</v>
      </c>
    </row>
    <row r="66" spans="1:11" ht="9.75" customHeight="1" x14ac:dyDescent="0.15">
      <c r="A66" s="27"/>
      <c r="B66" s="28" t="s">
        <v>61</v>
      </c>
      <c r="C66" s="5"/>
      <c r="D66" s="18">
        <v>31454</v>
      </c>
      <c r="E66" s="18">
        <v>15330</v>
      </c>
      <c r="F66" s="18">
        <v>16124</v>
      </c>
      <c r="G66" s="18">
        <v>12770</v>
      </c>
      <c r="H66" s="18">
        <v>31424</v>
      </c>
      <c r="I66" s="18">
        <v>15312</v>
      </c>
      <c r="J66" s="18">
        <v>16112</v>
      </c>
      <c r="K66" s="19">
        <v>12773</v>
      </c>
    </row>
    <row r="67" spans="1:11" ht="9.75" customHeight="1" x14ac:dyDescent="0.15">
      <c r="A67" s="27"/>
      <c r="B67" s="28" t="s">
        <v>62</v>
      </c>
      <c r="C67" s="5"/>
      <c r="D67" s="18">
        <v>27382</v>
      </c>
      <c r="E67" s="18">
        <v>13155</v>
      </c>
      <c r="F67" s="18">
        <v>14227</v>
      </c>
      <c r="G67" s="18">
        <v>11609</v>
      </c>
      <c r="H67" s="18">
        <v>27374</v>
      </c>
      <c r="I67" s="18">
        <v>13158</v>
      </c>
      <c r="J67" s="18">
        <v>14216</v>
      </c>
      <c r="K67" s="19">
        <v>11609</v>
      </c>
    </row>
    <row r="68" spans="1:11" ht="3.75" customHeight="1" x14ac:dyDescent="0.15">
      <c r="A68" s="27"/>
      <c r="B68" s="28"/>
      <c r="C68" s="5"/>
      <c r="D68" s="18"/>
      <c r="E68" s="18"/>
      <c r="F68" s="18"/>
      <c r="G68" s="18"/>
      <c r="H68" s="18"/>
      <c r="I68" s="18"/>
      <c r="J68" s="18"/>
      <c r="K68" s="19"/>
    </row>
    <row r="69" spans="1:11" ht="9.75" customHeight="1" x14ac:dyDescent="0.15">
      <c r="A69" s="32" t="s">
        <v>63</v>
      </c>
      <c r="B69" s="33"/>
      <c r="C69" s="20"/>
      <c r="D69" s="21">
        <v>65039</v>
      </c>
      <c r="E69" s="21">
        <v>32034</v>
      </c>
      <c r="F69" s="21">
        <v>33005</v>
      </c>
      <c r="G69" s="21">
        <v>25807</v>
      </c>
      <c r="H69" s="21">
        <v>65058</v>
      </c>
      <c r="I69" s="21">
        <v>32037</v>
      </c>
      <c r="J69" s="21">
        <v>33021</v>
      </c>
      <c r="K69" s="22">
        <v>25835</v>
      </c>
    </row>
    <row r="70" spans="1:11" ht="9.75" customHeight="1" x14ac:dyDescent="0.15">
      <c r="A70" s="27"/>
      <c r="B70" s="28" t="s">
        <v>64</v>
      </c>
      <c r="C70" s="5"/>
      <c r="D70" s="18">
        <v>9116</v>
      </c>
      <c r="E70" s="18">
        <v>4560</v>
      </c>
      <c r="F70" s="18">
        <v>4556</v>
      </c>
      <c r="G70" s="18">
        <v>3411</v>
      </c>
      <c r="H70" s="18">
        <v>9117</v>
      </c>
      <c r="I70" s="18">
        <v>4562</v>
      </c>
      <c r="J70" s="18">
        <v>4555</v>
      </c>
      <c r="K70" s="19">
        <v>3417</v>
      </c>
    </row>
    <row r="71" spans="1:11" ht="9.75" customHeight="1" x14ac:dyDescent="0.15">
      <c r="A71" s="27"/>
      <c r="B71" s="28" t="s">
        <v>65</v>
      </c>
      <c r="C71" s="5"/>
      <c r="D71" s="18">
        <v>17169</v>
      </c>
      <c r="E71" s="18">
        <v>8430</v>
      </c>
      <c r="F71" s="18">
        <v>8739</v>
      </c>
      <c r="G71" s="18">
        <v>6837</v>
      </c>
      <c r="H71" s="18">
        <v>17199</v>
      </c>
      <c r="I71" s="18">
        <v>8434</v>
      </c>
      <c r="J71" s="18">
        <v>8765</v>
      </c>
      <c r="K71" s="19">
        <v>6847</v>
      </c>
    </row>
    <row r="72" spans="1:11" ht="9.75" customHeight="1" x14ac:dyDescent="0.15">
      <c r="A72" s="27"/>
      <c r="B72" s="28" t="s">
        <v>66</v>
      </c>
      <c r="C72" s="5"/>
      <c r="D72" s="18">
        <v>10613</v>
      </c>
      <c r="E72" s="18">
        <v>5276</v>
      </c>
      <c r="F72" s="18">
        <v>5337</v>
      </c>
      <c r="G72" s="18">
        <v>4536</v>
      </c>
      <c r="H72" s="18">
        <v>10621</v>
      </c>
      <c r="I72" s="18">
        <v>5278</v>
      </c>
      <c r="J72" s="18">
        <v>5343</v>
      </c>
      <c r="K72" s="19">
        <v>4541</v>
      </c>
    </row>
    <row r="73" spans="1:11" ht="9.75" customHeight="1" x14ac:dyDescent="0.15">
      <c r="A73" s="27"/>
      <c r="B73" s="28" t="s">
        <v>67</v>
      </c>
      <c r="C73" s="5"/>
      <c r="D73" s="18">
        <v>9592</v>
      </c>
      <c r="E73" s="18">
        <v>4750</v>
      </c>
      <c r="F73" s="18">
        <v>4842</v>
      </c>
      <c r="G73" s="18">
        <v>3939</v>
      </c>
      <c r="H73" s="18">
        <v>9576</v>
      </c>
      <c r="I73" s="18">
        <v>4745</v>
      </c>
      <c r="J73" s="18">
        <v>4831</v>
      </c>
      <c r="K73" s="19">
        <v>3940</v>
      </c>
    </row>
    <row r="74" spans="1:11" ht="9.75" customHeight="1" x14ac:dyDescent="0.15">
      <c r="A74" s="27"/>
      <c r="B74" s="28" t="s">
        <v>68</v>
      </c>
      <c r="C74" s="5"/>
      <c r="D74" s="18">
        <v>18549</v>
      </c>
      <c r="E74" s="18">
        <v>9018</v>
      </c>
      <c r="F74" s="18">
        <v>9531</v>
      </c>
      <c r="G74" s="18">
        <v>7084</v>
      </c>
      <c r="H74" s="18">
        <v>18545</v>
      </c>
      <c r="I74" s="18">
        <v>9018</v>
      </c>
      <c r="J74" s="18">
        <v>9527</v>
      </c>
      <c r="K74" s="19">
        <v>7090</v>
      </c>
    </row>
    <row r="75" spans="1:11" ht="3.75" customHeight="1" x14ac:dyDescent="0.15">
      <c r="A75" s="27"/>
      <c r="B75" s="28"/>
      <c r="C75" s="5"/>
      <c r="D75" s="18"/>
      <c r="E75" s="18"/>
      <c r="F75" s="18"/>
      <c r="G75" s="18"/>
      <c r="H75" s="18"/>
      <c r="I75" s="18"/>
      <c r="J75" s="18"/>
      <c r="K75" s="19"/>
    </row>
    <row r="76" spans="1:11" ht="9.75" customHeight="1" x14ac:dyDescent="0.15">
      <c r="A76" s="32" t="s">
        <v>69</v>
      </c>
      <c r="B76" s="33"/>
      <c r="C76" s="20"/>
      <c r="D76" s="21">
        <v>40769</v>
      </c>
      <c r="E76" s="21">
        <v>19117</v>
      </c>
      <c r="F76" s="21">
        <v>21652</v>
      </c>
      <c r="G76" s="21">
        <v>19979</v>
      </c>
      <c r="H76" s="21">
        <v>40731</v>
      </c>
      <c r="I76" s="21">
        <v>19108</v>
      </c>
      <c r="J76" s="21">
        <v>21623</v>
      </c>
      <c r="K76" s="22">
        <v>19962</v>
      </c>
    </row>
    <row r="77" spans="1:11" ht="9.75" customHeight="1" x14ac:dyDescent="0.15">
      <c r="A77" s="27"/>
      <c r="B77" s="28" t="s">
        <v>70</v>
      </c>
      <c r="C77" s="5"/>
      <c r="D77" s="18">
        <v>11129</v>
      </c>
      <c r="E77" s="18">
        <v>5345</v>
      </c>
      <c r="F77" s="18">
        <v>5784</v>
      </c>
      <c r="G77" s="18">
        <v>6333</v>
      </c>
      <c r="H77" s="18">
        <v>11106</v>
      </c>
      <c r="I77" s="18">
        <v>5348</v>
      </c>
      <c r="J77" s="18">
        <v>5758</v>
      </c>
      <c r="K77" s="19">
        <v>6311</v>
      </c>
    </row>
    <row r="78" spans="1:11" ht="9.75" customHeight="1" x14ac:dyDescent="0.15">
      <c r="A78" s="27"/>
      <c r="B78" s="28" t="s">
        <v>71</v>
      </c>
      <c r="C78" s="5"/>
      <c r="D78" s="18">
        <v>6579</v>
      </c>
      <c r="E78" s="18">
        <v>3052</v>
      </c>
      <c r="F78" s="18">
        <v>3527</v>
      </c>
      <c r="G78" s="18">
        <v>2952</v>
      </c>
      <c r="H78" s="18">
        <v>6572</v>
      </c>
      <c r="I78" s="18">
        <v>3047</v>
      </c>
      <c r="J78" s="18">
        <v>3525</v>
      </c>
      <c r="K78" s="19">
        <v>2954</v>
      </c>
    </row>
    <row r="79" spans="1:11" ht="9.75" customHeight="1" x14ac:dyDescent="0.15">
      <c r="A79" s="27"/>
      <c r="B79" s="28" t="s">
        <v>72</v>
      </c>
      <c r="C79" s="5"/>
      <c r="D79" s="18">
        <v>23061</v>
      </c>
      <c r="E79" s="18">
        <v>10720</v>
      </c>
      <c r="F79" s="18">
        <v>12341</v>
      </c>
      <c r="G79" s="18">
        <v>10694</v>
      </c>
      <c r="H79" s="18">
        <v>23053</v>
      </c>
      <c r="I79" s="18">
        <v>10713</v>
      </c>
      <c r="J79" s="18">
        <v>12340</v>
      </c>
      <c r="K79" s="19">
        <v>10697</v>
      </c>
    </row>
    <row r="80" spans="1:11" ht="3.75" customHeight="1" x14ac:dyDescent="0.15">
      <c r="A80" s="27"/>
      <c r="B80" s="28"/>
      <c r="C80" s="5"/>
      <c r="D80" s="18"/>
      <c r="E80" s="18"/>
      <c r="F80" s="18"/>
      <c r="G80" s="18"/>
      <c r="H80" s="18"/>
      <c r="I80" s="18"/>
      <c r="J80" s="18"/>
      <c r="K80" s="19"/>
    </row>
    <row r="81" spans="1:11" ht="9.75" customHeight="1" x14ac:dyDescent="0.15">
      <c r="A81" s="32" t="s">
        <v>73</v>
      </c>
      <c r="B81" s="33"/>
      <c r="C81" s="20"/>
      <c r="D81" s="21">
        <v>42518</v>
      </c>
      <c r="E81" s="21">
        <v>22240</v>
      </c>
      <c r="F81" s="21">
        <v>20278</v>
      </c>
      <c r="G81" s="21">
        <v>18337</v>
      </c>
      <c r="H81" s="21">
        <v>42489</v>
      </c>
      <c r="I81" s="21">
        <v>22228</v>
      </c>
      <c r="J81" s="21">
        <v>20261</v>
      </c>
      <c r="K81" s="22">
        <v>18325</v>
      </c>
    </row>
    <row r="82" spans="1:11" ht="9.75" customHeight="1" x14ac:dyDescent="0.15">
      <c r="A82" s="27"/>
      <c r="B82" s="28" t="s">
        <v>74</v>
      </c>
      <c r="C82" s="5"/>
      <c r="D82" s="18">
        <v>39498</v>
      </c>
      <c r="E82" s="18">
        <v>20704</v>
      </c>
      <c r="F82" s="18">
        <v>18794</v>
      </c>
      <c r="G82" s="18">
        <v>17202</v>
      </c>
      <c r="H82" s="18">
        <v>39478</v>
      </c>
      <c r="I82" s="18">
        <v>20692</v>
      </c>
      <c r="J82" s="18">
        <v>18786</v>
      </c>
      <c r="K82" s="19">
        <v>17193</v>
      </c>
    </row>
    <row r="83" spans="1:11" ht="9.75" customHeight="1" x14ac:dyDescent="0.15">
      <c r="A83" s="27"/>
      <c r="B83" s="28" t="s">
        <v>75</v>
      </c>
      <c r="C83" s="5"/>
      <c r="D83" s="18">
        <v>3020</v>
      </c>
      <c r="E83" s="18">
        <v>1536</v>
      </c>
      <c r="F83" s="18">
        <v>1484</v>
      </c>
      <c r="G83" s="18">
        <v>1135</v>
      </c>
      <c r="H83" s="18">
        <v>3011</v>
      </c>
      <c r="I83" s="18">
        <v>1536</v>
      </c>
      <c r="J83" s="18">
        <v>1475</v>
      </c>
      <c r="K83" s="19">
        <v>1132</v>
      </c>
    </row>
    <row r="84" spans="1:11" ht="3.75" customHeight="1" thickBot="1" x14ac:dyDescent="0.2">
      <c r="A84" s="23"/>
      <c r="B84" s="24"/>
      <c r="C84" s="24"/>
      <c r="D84" s="25"/>
      <c r="E84" s="25"/>
      <c r="F84" s="25"/>
      <c r="G84" s="25"/>
      <c r="H84" s="25"/>
      <c r="I84" s="25"/>
      <c r="J84" s="25"/>
      <c r="K84" s="26"/>
    </row>
    <row r="85" spans="1:11" ht="9.75" customHeight="1" x14ac:dyDescent="0.15"/>
  </sheetData>
  <mergeCells count="34">
    <mergeCell ref="A39:B39"/>
    <mergeCell ref="A52:B52"/>
    <mergeCell ref="A1:K1"/>
    <mergeCell ref="A2:C2"/>
    <mergeCell ref="I2:K2"/>
    <mergeCell ref="A3:C4"/>
    <mergeCell ref="D3:G3"/>
    <mergeCell ref="H3:K3"/>
    <mergeCell ref="A6:B6"/>
    <mergeCell ref="A55:B55"/>
    <mergeCell ref="A44:B44"/>
    <mergeCell ref="A45:B45"/>
    <mergeCell ref="A46:B46"/>
    <mergeCell ref="A47:B47"/>
    <mergeCell ref="A48:B48"/>
    <mergeCell ref="A49:B49"/>
    <mergeCell ref="A50:B50"/>
    <mergeCell ref="A51:B51"/>
    <mergeCell ref="A7:B7"/>
    <mergeCell ref="A8:B8"/>
    <mergeCell ref="A10:B10"/>
    <mergeCell ref="A30:B30"/>
    <mergeCell ref="A53:B53"/>
    <mergeCell ref="A54:B54"/>
    <mergeCell ref="A65:B65"/>
    <mergeCell ref="A69:B69"/>
    <mergeCell ref="A76:B76"/>
    <mergeCell ref="A81:B81"/>
    <mergeCell ref="A56:B56"/>
    <mergeCell ref="A57:B57"/>
    <mergeCell ref="A58:B58"/>
    <mergeCell ref="A59:B59"/>
    <mergeCell ref="A61:B61"/>
    <mergeCell ref="A63:B63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6</vt:i4>
      </vt:variant>
    </vt:vector>
  </HeadingPairs>
  <TitlesOfParts>
    <vt:vector size="6" baseType="lpstr">
      <vt:lpstr>第８表(１)</vt:lpstr>
      <vt:lpstr>第８表(２)</vt:lpstr>
      <vt:lpstr>第８表(３)</vt:lpstr>
      <vt:lpstr>第８表(４)</vt:lpstr>
      <vt:lpstr>第８表(５)</vt:lpstr>
      <vt:lpstr>第８表(６)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2-01-28T00:34:54Z</dcterms:created>
  <dcterms:modified xsi:type="dcterms:W3CDTF">2022-02-15T08:14:11Z</dcterms:modified>
</cp:coreProperties>
</file>